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507\04_人材確保グループ\431_地域医療支援センター\12_〇ホームページ（専門研修基幹施設一覧 等）\06_（R5更新用）専門研修基幹施設一覧ページ\"/>
    </mc:Choice>
  </mc:AlternateContent>
  <bookViews>
    <workbookView xWindow="0" yWindow="0" windowWidth="18950" windowHeight="6840" tabRatio="893"/>
  </bookViews>
  <sheets>
    <sheet name="一覧 (R5.4更新版)" sheetId="10" r:id="rId1"/>
  </sheets>
  <definedNames>
    <definedName name="_xlnm._FilterDatabase" localSheetId="0" hidden="1">'一覧 (R5.4更新版)'!$B$3:$AA$69</definedName>
    <definedName name="_xlnm.Print_Area" localSheetId="0">'一覧 (R5.4更新版)'!$A$1:$AA$69</definedName>
  </definedNames>
  <calcPr calcId="162913"/>
</workbook>
</file>

<file path=xl/calcChain.xml><?xml version="1.0" encoding="utf-8"?>
<calcChain xmlns="http://schemas.openxmlformats.org/spreadsheetml/2006/main">
  <c r="Z68" i="10" l="1"/>
  <c r="H6" i="10" l="1"/>
  <c r="H17" i="10" l="1"/>
  <c r="AA68" i="10" l="1"/>
  <c r="Y68" i="10"/>
  <c r="X68" i="10"/>
  <c r="W68" i="10"/>
  <c r="V68" i="10"/>
  <c r="U68" i="10"/>
  <c r="T68" i="10"/>
  <c r="S68" i="10"/>
  <c r="R68" i="10"/>
  <c r="Q68" i="10"/>
  <c r="P68" i="10"/>
  <c r="O68" i="10"/>
  <c r="N68" i="10"/>
  <c r="M68" i="10"/>
  <c r="L68" i="10"/>
  <c r="K68" i="10"/>
  <c r="J68" i="10"/>
  <c r="I68" i="10"/>
  <c r="D68" i="10"/>
  <c r="H67" i="10"/>
  <c r="H66" i="10"/>
  <c r="H65" i="10"/>
  <c r="H64" i="10"/>
  <c r="H63" i="10"/>
  <c r="H62" i="10"/>
  <c r="H61" i="10"/>
  <c r="H60" i="10"/>
  <c r="H59" i="10"/>
  <c r="H58" i="10"/>
  <c r="H57" i="10"/>
  <c r="H56" i="10"/>
  <c r="H55" i="10"/>
  <c r="H54" i="10"/>
  <c r="H53" i="10"/>
  <c r="H52" i="10"/>
  <c r="H51" i="10"/>
  <c r="H50" i="10"/>
  <c r="H49" i="10"/>
  <c r="H48" i="10"/>
  <c r="H47" i="10"/>
  <c r="H46" i="10"/>
  <c r="H45" i="10"/>
  <c r="H44" i="10"/>
  <c r="H43" i="10"/>
  <c r="H42" i="10"/>
  <c r="H41" i="10"/>
  <c r="H40" i="10"/>
  <c r="H39" i="10"/>
  <c r="H38" i="10"/>
  <c r="H37" i="10"/>
  <c r="H36" i="10"/>
  <c r="H35" i="10"/>
  <c r="H34" i="10"/>
  <c r="H33" i="10"/>
  <c r="H32" i="10"/>
  <c r="H31" i="10"/>
  <c r="H30" i="10"/>
  <c r="H29" i="10"/>
  <c r="H28" i="10"/>
  <c r="H27" i="10"/>
  <c r="H26" i="10"/>
  <c r="H25" i="10"/>
  <c r="H24" i="10"/>
  <c r="H23" i="10"/>
  <c r="H22" i="10"/>
  <c r="H21" i="10"/>
  <c r="H20" i="10"/>
  <c r="H19" i="10"/>
  <c r="H18" i="10"/>
  <c r="H16" i="10"/>
  <c r="H15" i="10"/>
  <c r="H14" i="10"/>
  <c r="H13" i="10"/>
  <c r="H12" i="10"/>
  <c r="H11" i="10"/>
  <c r="H10" i="10"/>
  <c r="H9" i="10"/>
  <c r="H8" i="10"/>
  <c r="H7" i="10"/>
  <c r="H5" i="10"/>
  <c r="H4" i="10"/>
</calcChain>
</file>

<file path=xl/sharedStrings.xml><?xml version="1.0" encoding="utf-8"?>
<sst xmlns="http://schemas.openxmlformats.org/spreadsheetml/2006/main" count="495" uniqueCount="262">
  <si>
    <t>内科</t>
    <rPh sb="0" eb="2">
      <t>ナイカ</t>
    </rPh>
    <phoneticPr fontId="18"/>
  </si>
  <si>
    <t>小児科</t>
    <rPh sb="0" eb="2">
      <t>ショウニ</t>
    </rPh>
    <rPh sb="2" eb="3">
      <t>カ</t>
    </rPh>
    <phoneticPr fontId="18"/>
  </si>
  <si>
    <t>皮膚科</t>
    <rPh sb="0" eb="3">
      <t>ヒフカ</t>
    </rPh>
    <phoneticPr fontId="18"/>
  </si>
  <si>
    <t>精神科</t>
    <rPh sb="0" eb="2">
      <t>セイシン</t>
    </rPh>
    <rPh sb="2" eb="3">
      <t>カ</t>
    </rPh>
    <phoneticPr fontId="18"/>
  </si>
  <si>
    <t>外科</t>
    <rPh sb="0" eb="2">
      <t>ゲカ</t>
    </rPh>
    <phoneticPr fontId="18"/>
  </si>
  <si>
    <t>整形外科</t>
    <rPh sb="0" eb="2">
      <t>セイケイ</t>
    </rPh>
    <rPh sb="2" eb="4">
      <t>ゲカ</t>
    </rPh>
    <phoneticPr fontId="18"/>
  </si>
  <si>
    <t>産婦人科</t>
    <rPh sb="0" eb="4">
      <t>サンフジンカ</t>
    </rPh>
    <phoneticPr fontId="18"/>
  </si>
  <si>
    <t>眼科</t>
    <rPh sb="0" eb="2">
      <t>ガンカ</t>
    </rPh>
    <phoneticPr fontId="18"/>
  </si>
  <si>
    <t>耳鼻咽喉科</t>
    <rPh sb="0" eb="2">
      <t>ジビ</t>
    </rPh>
    <rPh sb="2" eb="4">
      <t>インコウ</t>
    </rPh>
    <rPh sb="4" eb="5">
      <t>カ</t>
    </rPh>
    <phoneticPr fontId="18"/>
  </si>
  <si>
    <t>泌尿器科</t>
    <rPh sb="0" eb="3">
      <t>ヒニョウキ</t>
    </rPh>
    <rPh sb="3" eb="4">
      <t>カ</t>
    </rPh>
    <phoneticPr fontId="18"/>
  </si>
  <si>
    <t>脳神経外科</t>
    <rPh sb="0" eb="3">
      <t>ノウシンケイ</t>
    </rPh>
    <rPh sb="3" eb="5">
      <t>ゲカ</t>
    </rPh>
    <phoneticPr fontId="18"/>
  </si>
  <si>
    <t>放射線科</t>
    <rPh sb="0" eb="3">
      <t>ホウシャセン</t>
    </rPh>
    <rPh sb="3" eb="4">
      <t>カ</t>
    </rPh>
    <phoneticPr fontId="18"/>
  </si>
  <si>
    <t>麻酔科</t>
    <rPh sb="0" eb="3">
      <t>マスイカ</t>
    </rPh>
    <phoneticPr fontId="18"/>
  </si>
  <si>
    <t>病理</t>
    <rPh sb="0" eb="2">
      <t>ビョウリ</t>
    </rPh>
    <phoneticPr fontId="18"/>
  </si>
  <si>
    <t>臨床検査</t>
    <rPh sb="0" eb="2">
      <t>リンショウ</t>
    </rPh>
    <rPh sb="2" eb="4">
      <t>ケンサ</t>
    </rPh>
    <phoneticPr fontId="18"/>
  </si>
  <si>
    <t>救急科</t>
    <rPh sb="0" eb="2">
      <t>キュウキュウ</t>
    </rPh>
    <rPh sb="2" eb="3">
      <t>カ</t>
    </rPh>
    <phoneticPr fontId="18"/>
  </si>
  <si>
    <t>形成外科</t>
    <rPh sb="0" eb="2">
      <t>ケイセイ</t>
    </rPh>
    <rPh sb="2" eb="4">
      <t>ゲカ</t>
    </rPh>
    <phoneticPr fontId="18"/>
  </si>
  <si>
    <t>総合診療</t>
    <rPh sb="0" eb="2">
      <t>ソウゴウ</t>
    </rPh>
    <rPh sb="2" eb="4">
      <t>シンリョウ</t>
    </rPh>
    <phoneticPr fontId="18"/>
  </si>
  <si>
    <t>○</t>
  </si>
  <si>
    <t>医療機関名</t>
    <rPh sb="0" eb="2">
      <t>イリョウ</t>
    </rPh>
    <rPh sb="2" eb="4">
      <t>キカン</t>
    </rPh>
    <rPh sb="4" eb="5">
      <t>メイ</t>
    </rPh>
    <phoneticPr fontId="18"/>
  </si>
  <si>
    <t>横浜労災病院</t>
    <rPh sb="0" eb="1">
      <t>ヨコ</t>
    </rPh>
    <rPh sb="1" eb="2">
      <t>ハマ</t>
    </rPh>
    <rPh sb="2" eb="4">
      <t>ロウサイ</t>
    </rPh>
    <rPh sb="4" eb="6">
      <t>ビョウイン</t>
    </rPh>
    <phoneticPr fontId="18"/>
  </si>
  <si>
    <t>昭和大学藤が丘病院</t>
    <rPh sb="0" eb="2">
      <t>ショウワ</t>
    </rPh>
    <rPh sb="2" eb="4">
      <t>ダイガク</t>
    </rPh>
    <rPh sb="4" eb="5">
      <t>フジ</t>
    </rPh>
    <rPh sb="6" eb="7">
      <t>オカ</t>
    </rPh>
    <rPh sb="7" eb="9">
      <t>ビョウイン</t>
    </rPh>
    <phoneticPr fontId="18"/>
  </si>
  <si>
    <t>昭和大学横浜市北部病院</t>
    <rPh sb="0" eb="2">
      <t>ショウワ</t>
    </rPh>
    <rPh sb="2" eb="4">
      <t>ダイガク</t>
    </rPh>
    <rPh sb="4" eb="7">
      <t>ヨコハマシ</t>
    </rPh>
    <rPh sb="7" eb="9">
      <t>ホクブ</t>
    </rPh>
    <rPh sb="9" eb="11">
      <t>ビョウイン</t>
    </rPh>
    <phoneticPr fontId="18"/>
  </si>
  <si>
    <t>済生会横浜市東部病院</t>
    <rPh sb="0" eb="3">
      <t>サイセイカイ</t>
    </rPh>
    <rPh sb="3" eb="4">
      <t>ヨコ</t>
    </rPh>
    <rPh sb="4" eb="5">
      <t>ハマ</t>
    </rPh>
    <rPh sb="5" eb="6">
      <t>シ</t>
    </rPh>
    <rPh sb="6" eb="8">
      <t>トウブ</t>
    </rPh>
    <rPh sb="8" eb="10">
      <t>ビョウイン</t>
    </rPh>
    <phoneticPr fontId="18"/>
  </si>
  <si>
    <t>汐田総合病院</t>
    <rPh sb="0" eb="1">
      <t>ウシオ</t>
    </rPh>
    <rPh sb="1" eb="2">
      <t>タ</t>
    </rPh>
    <rPh sb="2" eb="4">
      <t>ソウゴウ</t>
    </rPh>
    <rPh sb="4" eb="6">
      <t>ビョウイン</t>
    </rPh>
    <phoneticPr fontId="18"/>
  </si>
  <si>
    <t>けいゆう病院</t>
    <rPh sb="4" eb="6">
      <t>ビョウイン</t>
    </rPh>
    <phoneticPr fontId="18"/>
  </si>
  <si>
    <t>横浜医療ｾﾝﾀｰ</t>
    <rPh sb="0" eb="1">
      <t>ヨコ</t>
    </rPh>
    <rPh sb="1" eb="2">
      <t>ハマ</t>
    </rPh>
    <rPh sb="2" eb="4">
      <t>イリョウ</t>
    </rPh>
    <phoneticPr fontId="18"/>
  </si>
  <si>
    <t>横浜旭中央総合病院</t>
    <rPh sb="0" eb="1">
      <t>ヨコ</t>
    </rPh>
    <rPh sb="1" eb="2">
      <t>ハマ</t>
    </rPh>
    <rPh sb="2" eb="3">
      <t>アサヒ</t>
    </rPh>
    <rPh sb="3" eb="5">
      <t>チュウオウ</t>
    </rPh>
    <rPh sb="5" eb="7">
      <t>ソウゴウ</t>
    </rPh>
    <rPh sb="7" eb="9">
      <t>ビョウイン</t>
    </rPh>
    <phoneticPr fontId="18"/>
  </si>
  <si>
    <t>横浜市立市民病院</t>
    <rPh sb="0" eb="1">
      <t>ヨコ</t>
    </rPh>
    <rPh sb="1" eb="2">
      <t>ハマ</t>
    </rPh>
    <rPh sb="2" eb="3">
      <t>シ</t>
    </rPh>
    <rPh sb="3" eb="4">
      <t>リツ</t>
    </rPh>
    <rPh sb="4" eb="6">
      <t>シミン</t>
    </rPh>
    <rPh sb="6" eb="8">
      <t>ビョウイン</t>
    </rPh>
    <phoneticPr fontId="18"/>
  </si>
  <si>
    <t>神奈川県立がんｾﾝﾀｰ</t>
    <rPh sb="0" eb="3">
      <t>カナガワ</t>
    </rPh>
    <rPh sb="3" eb="4">
      <t>ケン</t>
    </rPh>
    <rPh sb="4" eb="5">
      <t>リツ</t>
    </rPh>
    <phoneticPr fontId="18"/>
  </si>
  <si>
    <t>戸塚病院</t>
    <rPh sb="0" eb="2">
      <t>トツカ</t>
    </rPh>
    <rPh sb="2" eb="4">
      <t>ビョウイン</t>
    </rPh>
    <phoneticPr fontId="18"/>
  </si>
  <si>
    <t>聖ﾏﾘｱﾝﾅ医科大学横浜市西部病院</t>
    <rPh sb="10" eb="13">
      <t>ヨコハマシ</t>
    </rPh>
    <rPh sb="13" eb="15">
      <t>セイブ</t>
    </rPh>
    <rPh sb="15" eb="17">
      <t>ビョウイン</t>
    </rPh>
    <phoneticPr fontId="18"/>
  </si>
  <si>
    <t>横浜市立みなと赤十字病院</t>
    <rPh sb="0" eb="1">
      <t>ヨコ</t>
    </rPh>
    <rPh sb="1" eb="2">
      <t>ハマ</t>
    </rPh>
    <rPh sb="2" eb="3">
      <t>シ</t>
    </rPh>
    <rPh sb="3" eb="4">
      <t>リツ</t>
    </rPh>
    <rPh sb="7" eb="10">
      <t>セキジュウジ</t>
    </rPh>
    <rPh sb="10" eb="12">
      <t>ビョウイン</t>
    </rPh>
    <phoneticPr fontId="18"/>
  </si>
  <si>
    <t>横浜栄共済病院</t>
    <rPh sb="0" eb="1">
      <t>ヨコ</t>
    </rPh>
    <rPh sb="1" eb="2">
      <t>ハマ</t>
    </rPh>
    <rPh sb="2" eb="3">
      <t>サカエ</t>
    </rPh>
    <rPh sb="3" eb="5">
      <t>キョウサイ</t>
    </rPh>
    <rPh sb="5" eb="7">
      <t>ビョウイン</t>
    </rPh>
    <phoneticPr fontId="18"/>
  </si>
  <si>
    <t>横浜市立大学附属市民総合医療ｾﾝﾀｰ</t>
    <rPh sb="0" eb="1">
      <t>ヨコ</t>
    </rPh>
    <rPh sb="1" eb="2">
      <t>ハマ</t>
    </rPh>
    <rPh sb="2" eb="3">
      <t>シ</t>
    </rPh>
    <rPh sb="3" eb="4">
      <t>リツ</t>
    </rPh>
    <rPh sb="4" eb="6">
      <t>ダイガク</t>
    </rPh>
    <rPh sb="6" eb="8">
      <t>フゾク</t>
    </rPh>
    <rPh sb="8" eb="10">
      <t>シミン</t>
    </rPh>
    <rPh sb="10" eb="12">
      <t>ソウゴウ</t>
    </rPh>
    <rPh sb="12" eb="14">
      <t>イリョウ</t>
    </rPh>
    <phoneticPr fontId="18"/>
  </si>
  <si>
    <t>横浜南共済病院</t>
    <rPh sb="0" eb="1">
      <t>ヨコ</t>
    </rPh>
    <rPh sb="1" eb="2">
      <t>ハマ</t>
    </rPh>
    <rPh sb="2" eb="3">
      <t>ミナミ</t>
    </rPh>
    <rPh sb="3" eb="5">
      <t>キョウサイ</t>
    </rPh>
    <rPh sb="5" eb="7">
      <t>ビョウイン</t>
    </rPh>
    <phoneticPr fontId="18"/>
  </si>
  <si>
    <t>横浜市立大学附属病院</t>
    <rPh sb="0" eb="1">
      <t>ヨコ</t>
    </rPh>
    <rPh sb="1" eb="2">
      <t>ハマ</t>
    </rPh>
    <rPh sb="2" eb="3">
      <t>シ</t>
    </rPh>
    <rPh sb="3" eb="4">
      <t>リツ</t>
    </rPh>
    <rPh sb="4" eb="6">
      <t>ダイガク</t>
    </rPh>
    <rPh sb="6" eb="8">
      <t>フゾク</t>
    </rPh>
    <rPh sb="8" eb="10">
      <t>ビョウイン</t>
    </rPh>
    <phoneticPr fontId="18"/>
  </si>
  <si>
    <t>神奈川県立精神医療ｾﾝﾀｰ</t>
    <rPh sb="0" eb="3">
      <t>カナガワ</t>
    </rPh>
    <rPh sb="5" eb="7">
      <t>セイシン</t>
    </rPh>
    <rPh sb="7" eb="9">
      <t>イリョウ</t>
    </rPh>
    <phoneticPr fontId="18"/>
  </si>
  <si>
    <t>済生会横浜市南部病院</t>
    <rPh sb="0" eb="3">
      <t>サイセイカイ</t>
    </rPh>
    <rPh sb="3" eb="6">
      <t>ヨコハマシ</t>
    </rPh>
    <rPh sb="6" eb="8">
      <t>ナンブ</t>
    </rPh>
    <rPh sb="8" eb="10">
      <t>ビョウイン</t>
    </rPh>
    <phoneticPr fontId="18"/>
  </si>
  <si>
    <t>神奈川県立こども医療センター</t>
    <rPh sb="0" eb="3">
      <t>カナガワ</t>
    </rPh>
    <rPh sb="3" eb="4">
      <t>ケン</t>
    </rPh>
    <rPh sb="4" eb="5">
      <t>リツ</t>
    </rPh>
    <rPh sb="8" eb="10">
      <t>イリョウ</t>
    </rPh>
    <phoneticPr fontId="18"/>
  </si>
  <si>
    <t>帝京大学医学部附属溝口病院</t>
    <rPh sb="0" eb="2">
      <t>テイキョウ</t>
    </rPh>
    <rPh sb="2" eb="4">
      <t>ダイガク</t>
    </rPh>
    <rPh sb="4" eb="6">
      <t>イガク</t>
    </rPh>
    <rPh sb="6" eb="7">
      <t>ブ</t>
    </rPh>
    <rPh sb="7" eb="9">
      <t>フゾク</t>
    </rPh>
    <rPh sb="9" eb="11">
      <t>ミゾノクチ</t>
    </rPh>
    <rPh sb="11" eb="13">
      <t>ビョウイン</t>
    </rPh>
    <phoneticPr fontId="18"/>
  </si>
  <si>
    <t>聖ﾏﾘｱﾝﾅ医科大学病院</t>
    <rPh sb="0" eb="1">
      <t>セイ</t>
    </rPh>
    <rPh sb="6" eb="8">
      <t>イカ</t>
    </rPh>
    <rPh sb="8" eb="10">
      <t>ダイガク</t>
    </rPh>
    <rPh sb="10" eb="12">
      <t>ビョウイン</t>
    </rPh>
    <phoneticPr fontId="18"/>
  </si>
  <si>
    <t>新百合ケ丘総合病院</t>
    <rPh sb="0" eb="1">
      <t>シン</t>
    </rPh>
    <rPh sb="5" eb="7">
      <t>ソウゴウ</t>
    </rPh>
    <rPh sb="7" eb="9">
      <t>ビョウイン</t>
    </rPh>
    <phoneticPr fontId="18"/>
  </si>
  <si>
    <t>川崎市立多摩病院</t>
    <rPh sb="0" eb="2">
      <t>カワサキ</t>
    </rPh>
    <rPh sb="2" eb="4">
      <t>シリツ</t>
    </rPh>
    <rPh sb="4" eb="6">
      <t>タマ</t>
    </rPh>
    <rPh sb="6" eb="8">
      <t>ビョウイン</t>
    </rPh>
    <phoneticPr fontId="18"/>
  </si>
  <si>
    <t>多摩ﾌｧﾐﾘｰｸﾘﾆｯｸ</t>
    <rPh sb="0" eb="2">
      <t>タマ</t>
    </rPh>
    <phoneticPr fontId="18"/>
  </si>
  <si>
    <t>生田病院</t>
    <rPh sb="0" eb="2">
      <t>イクタ</t>
    </rPh>
    <rPh sb="2" eb="4">
      <t>ビョウイン</t>
    </rPh>
    <phoneticPr fontId="18"/>
  </si>
  <si>
    <t>久地診療所</t>
    <rPh sb="0" eb="2">
      <t>クジ</t>
    </rPh>
    <rPh sb="2" eb="5">
      <t>シンリョウジョ</t>
    </rPh>
    <phoneticPr fontId="18"/>
  </si>
  <si>
    <t>川崎市立川崎病院</t>
    <rPh sb="0" eb="2">
      <t>カワサキ</t>
    </rPh>
    <rPh sb="2" eb="4">
      <t>シリツ</t>
    </rPh>
    <rPh sb="4" eb="6">
      <t>カワサキ</t>
    </rPh>
    <rPh sb="6" eb="8">
      <t>ビョウイン</t>
    </rPh>
    <phoneticPr fontId="18"/>
  </si>
  <si>
    <t>日本鋼管病院</t>
    <rPh sb="0" eb="2">
      <t>ニホン</t>
    </rPh>
    <rPh sb="2" eb="4">
      <t>コウカン</t>
    </rPh>
    <rPh sb="4" eb="6">
      <t>ビョウイン</t>
    </rPh>
    <phoneticPr fontId="18"/>
  </si>
  <si>
    <t>関東労災病院</t>
    <rPh sb="0" eb="2">
      <t>カントウ</t>
    </rPh>
    <rPh sb="2" eb="4">
      <t>ロウサイ</t>
    </rPh>
    <rPh sb="4" eb="6">
      <t>ビョウイン</t>
    </rPh>
    <phoneticPr fontId="18"/>
  </si>
  <si>
    <t>川崎市立井田病院</t>
    <rPh sb="0" eb="2">
      <t>カワサキ</t>
    </rPh>
    <rPh sb="2" eb="4">
      <t>シリツ</t>
    </rPh>
    <rPh sb="4" eb="6">
      <t>イダ</t>
    </rPh>
    <rPh sb="6" eb="8">
      <t>ビョウイン</t>
    </rPh>
    <phoneticPr fontId="18"/>
  </si>
  <si>
    <t>総合新川橋病院</t>
    <rPh sb="0" eb="2">
      <t>ソウゴウ</t>
    </rPh>
    <rPh sb="2" eb="3">
      <t>シン</t>
    </rPh>
    <rPh sb="3" eb="4">
      <t>カワ</t>
    </rPh>
    <rPh sb="4" eb="5">
      <t>ハシ</t>
    </rPh>
    <rPh sb="5" eb="7">
      <t>ビョウイン</t>
    </rPh>
    <phoneticPr fontId="18"/>
  </si>
  <si>
    <t>日本医科大学武蔵小杉病院</t>
    <rPh sb="0" eb="2">
      <t>ニホン</t>
    </rPh>
    <rPh sb="2" eb="4">
      <t>イカ</t>
    </rPh>
    <rPh sb="4" eb="6">
      <t>ダイガク</t>
    </rPh>
    <rPh sb="6" eb="10">
      <t>ムサシコスギ</t>
    </rPh>
    <rPh sb="10" eb="12">
      <t>ビョウイン</t>
    </rPh>
    <phoneticPr fontId="18"/>
  </si>
  <si>
    <t>川崎協同病院</t>
    <rPh sb="0" eb="2">
      <t>カワサキ</t>
    </rPh>
    <rPh sb="2" eb="4">
      <t>キョウドウ</t>
    </rPh>
    <rPh sb="4" eb="6">
      <t>ビョウイン</t>
    </rPh>
    <phoneticPr fontId="18"/>
  </si>
  <si>
    <t>北里大学病院</t>
    <rPh sb="0" eb="2">
      <t>キタザト</t>
    </rPh>
    <rPh sb="2" eb="4">
      <t>ダイガク</t>
    </rPh>
    <rPh sb="4" eb="6">
      <t>ビョウイン</t>
    </rPh>
    <phoneticPr fontId="18"/>
  </si>
  <si>
    <t>相模原病院</t>
    <rPh sb="0" eb="3">
      <t>サガミハラ</t>
    </rPh>
    <rPh sb="3" eb="5">
      <t>ビョウイン</t>
    </rPh>
    <phoneticPr fontId="18"/>
  </si>
  <si>
    <t>相模原協同病院</t>
    <rPh sb="0" eb="3">
      <t>サガミハラ</t>
    </rPh>
    <rPh sb="3" eb="5">
      <t>キョウドウ</t>
    </rPh>
    <rPh sb="5" eb="7">
      <t>ビョウイン</t>
    </rPh>
    <phoneticPr fontId="18"/>
  </si>
  <si>
    <t>東芝林間病院</t>
    <rPh sb="0" eb="6">
      <t>トウシバリンカンビョウイン</t>
    </rPh>
    <phoneticPr fontId="18"/>
  </si>
  <si>
    <t>横須賀共済病院</t>
    <rPh sb="0" eb="3">
      <t>ヨコスカ</t>
    </rPh>
    <rPh sb="3" eb="5">
      <t>キョウサイ</t>
    </rPh>
    <rPh sb="5" eb="7">
      <t>ビョウイン</t>
    </rPh>
    <phoneticPr fontId="18"/>
  </si>
  <si>
    <t>横須賀市立市民病院</t>
    <rPh sb="0" eb="5">
      <t>ヨコスカシリツ</t>
    </rPh>
    <rPh sb="5" eb="7">
      <t>シミン</t>
    </rPh>
    <rPh sb="7" eb="9">
      <t>ビョウイン</t>
    </rPh>
    <phoneticPr fontId="18"/>
  </si>
  <si>
    <t>横須賀市立うわまち病院</t>
    <rPh sb="0" eb="3">
      <t>ヨコスカ</t>
    </rPh>
    <rPh sb="3" eb="5">
      <t>シリツ</t>
    </rPh>
    <rPh sb="9" eb="11">
      <t>ビョウイン</t>
    </rPh>
    <phoneticPr fontId="18"/>
  </si>
  <si>
    <t>湘南鎌倉総合病院</t>
    <rPh sb="0" eb="2">
      <t>ショウナン</t>
    </rPh>
    <rPh sb="2" eb="4">
      <t>カマクラ</t>
    </rPh>
    <rPh sb="4" eb="6">
      <t>ソウゴウ</t>
    </rPh>
    <rPh sb="6" eb="8">
      <t>ビョウイン</t>
    </rPh>
    <phoneticPr fontId="18"/>
  </si>
  <si>
    <t>久里浜医療ｾﾝﾀｰ</t>
    <rPh sb="0" eb="3">
      <t>クリハマ</t>
    </rPh>
    <rPh sb="3" eb="5">
      <t>イリョウ</t>
    </rPh>
    <phoneticPr fontId="18"/>
  </si>
  <si>
    <t>福井記念病院</t>
    <rPh sb="0" eb="2">
      <t>フクイ</t>
    </rPh>
    <rPh sb="2" eb="4">
      <t>キネン</t>
    </rPh>
    <rPh sb="4" eb="6">
      <t>ビョウイン</t>
    </rPh>
    <phoneticPr fontId="18"/>
  </si>
  <si>
    <t>葉山ﾊｰﾄｾﾝﾀｰ</t>
    <rPh sb="0" eb="2">
      <t>ハヤマ</t>
    </rPh>
    <phoneticPr fontId="18"/>
  </si>
  <si>
    <t>藤沢市民病院</t>
    <rPh sb="0" eb="1">
      <t>フジ</t>
    </rPh>
    <rPh sb="1" eb="2">
      <t>サワ</t>
    </rPh>
    <rPh sb="2" eb="4">
      <t>シミン</t>
    </rPh>
    <rPh sb="4" eb="6">
      <t>ビョウイン</t>
    </rPh>
    <phoneticPr fontId="18"/>
  </si>
  <si>
    <t>湘南藤沢徳洲会病院</t>
    <rPh sb="0" eb="2">
      <t>ショウナン</t>
    </rPh>
    <rPh sb="2" eb="3">
      <t>フジ</t>
    </rPh>
    <rPh sb="3" eb="4">
      <t>サワ</t>
    </rPh>
    <rPh sb="4" eb="5">
      <t>トク</t>
    </rPh>
    <rPh sb="5" eb="6">
      <t>シュウ</t>
    </rPh>
    <rPh sb="6" eb="7">
      <t>カイ</t>
    </rPh>
    <rPh sb="7" eb="9">
      <t>ビョウイン</t>
    </rPh>
    <phoneticPr fontId="18"/>
  </si>
  <si>
    <t>茅ヶ崎市立病院</t>
    <rPh sb="0" eb="3">
      <t>チガサキ</t>
    </rPh>
    <rPh sb="3" eb="5">
      <t>シリツ</t>
    </rPh>
    <rPh sb="5" eb="7">
      <t>ビョウイン</t>
    </rPh>
    <phoneticPr fontId="18"/>
  </si>
  <si>
    <t>茅ヶ崎徳洲会病院</t>
    <rPh sb="0" eb="3">
      <t>チガサキ</t>
    </rPh>
    <rPh sb="3" eb="4">
      <t>トク</t>
    </rPh>
    <rPh sb="4" eb="5">
      <t>シュウ</t>
    </rPh>
    <rPh sb="5" eb="6">
      <t>カイ</t>
    </rPh>
    <rPh sb="6" eb="8">
      <t>ビョウイン</t>
    </rPh>
    <phoneticPr fontId="18"/>
  </si>
  <si>
    <t>湘南東部総合病院</t>
    <rPh sb="0" eb="2">
      <t>ショウナン</t>
    </rPh>
    <rPh sb="2" eb="4">
      <t>トウブ</t>
    </rPh>
    <rPh sb="4" eb="6">
      <t>ソウゴウ</t>
    </rPh>
    <rPh sb="6" eb="8">
      <t>ビョウイン</t>
    </rPh>
    <phoneticPr fontId="18"/>
  </si>
  <si>
    <t>藤沢湘南台病院</t>
    <rPh sb="0" eb="2">
      <t>フジサワ</t>
    </rPh>
    <rPh sb="2" eb="4">
      <t>ショウナン</t>
    </rPh>
    <rPh sb="4" eb="5">
      <t>ダイ</t>
    </rPh>
    <rPh sb="5" eb="7">
      <t>ビョウイン</t>
    </rPh>
    <phoneticPr fontId="18"/>
  </si>
  <si>
    <t>平塚共済病院</t>
    <rPh sb="0" eb="2">
      <t>ヒラツカ</t>
    </rPh>
    <rPh sb="2" eb="4">
      <t>キョウサイ</t>
    </rPh>
    <rPh sb="4" eb="6">
      <t>ビョウイン</t>
    </rPh>
    <phoneticPr fontId="18"/>
  </si>
  <si>
    <t>東海大学医学部付属病院</t>
    <rPh sb="0" eb="2">
      <t>トウカイ</t>
    </rPh>
    <rPh sb="2" eb="4">
      <t>ダイガク</t>
    </rPh>
    <rPh sb="4" eb="6">
      <t>イガク</t>
    </rPh>
    <rPh sb="6" eb="7">
      <t>ブ</t>
    </rPh>
    <rPh sb="7" eb="9">
      <t>フゾク</t>
    </rPh>
    <rPh sb="9" eb="11">
      <t>ビョウイン</t>
    </rPh>
    <phoneticPr fontId="18"/>
  </si>
  <si>
    <t>平塚市民病院</t>
    <rPh sb="0" eb="2">
      <t>ヒラツカ</t>
    </rPh>
    <rPh sb="2" eb="4">
      <t>シミン</t>
    </rPh>
    <rPh sb="4" eb="6">
      <t>ビョウイン</t>
    </rPh>
    <phoneticPr fontId="18"/>
  </si>
  <si>
    <t>東名厚木病院</t>
    <rPh sb="0" eb="2">
      <t>トウメイ</t>
    </rPh>
    <rPh sb="2" eb="4">
      <t>アツギ</t>
    </rPh>
    <rPh sb="4" eb="6">
      <t>ビョウイン</t>
    </rPh>
    <phoneticPr fontId="18"/>
  </si>
  <si>
    <t>大和市立病院</t>
    <rPh sb="0" eb="2">
      <t>ヤマト</t>
    </rPh>
    <rPh sb="2" eb="4">
      <t>シリツ</t>
    </rPh>
    <rPh sb="4" eb="6">
      <t>ビョウイン</t>
    </rPh>
    <phoneticPr fontId="18"/>
  </si>
  <si>
    <t>海老名総合病院</t>
    <rPh sb="0" eb="3">
      <t>エビナ</t>
    </rPh>
    <rPh sb="3" eb="5">
      <t>ソウゴウ</t>
    </rPh>
    <rPh sb="5" eb="7">
      <t>ビョウイン</t>
    </rPh>
    <phoneticPr fontId="18"/>
  </si>
  <si>
    <t>湘南厚木病院</t>
    <rPh sb="0" eb="2">
      <t>ショウナン</t>
    </rPh>
    <rPh sb="2" eb="4">
      <t>アツギ</t>
    </rPh>
    <rPh sb="4" eb="6">
      <t>ビョウイン</t>
    </rPh>
    <phoneticPr fontId="18"/>
  </si>
  <si>
    <t>森の里病院</t>
    <rPh sb="0" eb="1">
      <t>モリ</t>
    </rPh>
    <rPh sb="2" eb="3">
      <t>サト</t>
    </rPh>
    <rPh sb="3" eb="5">
      <t>ビョウイン</t>
    </rPh>
    <phoneticPr fontId="18"/>
  </si>
  <si>
    <t>神奈川県立足柄上病院</t>
    <rPh sb="0" eb="3">
      <t>カナガワ</t>
    </rPh>
    <rPh sb="3" eb="4">
      <t>ケン</t>
    </rPh>
    <rPh sb="4" eb="5">
      <t>リツ</t>
    </rPh>
    <rPh sb="5" eb="7">
      <t>アシガラ</t>
    </rPh>
    <rPh sb="7" eb="8">
      <t>ウエ</t>
    </rPh>
    <rPh sb="8" eb="10">
      <t>ビョウイン</t>
    </rPh>
    <phoneticPr fontId="18"/>
  </si>
  <si>
    <t>横浜医療ｾﾝﾀｰ</t>
  </si>
  <si>
    <t>医療圏</t>
    <rPh sb="0" eb="2">
      <t>イリョウ</t>
    </rPh>
    <rPh sb="2" eb="3">
      <t>ケン</t>
    </rPh>
    <phoneticPr fontId="18"/>
  </si>
  <si>
    <t>〒</t>
    <phoneticPr fontId="18"/>
  </si>
  <si>
    <t>住所</t>
    <rPh sb="0" eb="2">
      <t>ジュウショ</t>
    </rPh>
    <phoneticPr fontId="18"/>
  </si>
  <si>
    <t>診療科数</t>
    <rPh sb="0" eb="2">
      <t>シンリョウ</t>
    </rPh>
    <rPh sb="2" eb="3">
      <t>カ</t>
    </rPh>
    <rPh sb="3" eb="4">
      <t>スウ</t>
    </rPh>
    <phoneticPr fontId="18"/>
  </si>
  <si>
    <t>ﾘﾊﾋﾞﾘﾃｰｼｮﾝ科</t>
    <rPh sb="10" eb="11">
      <t>カ</t>
    </rPh>
    <phoneticPr fontId="18"/>
  </si>
  <si>
    <t>横浜
(北部)</t>
    <rPh sb="0" eb="1">
      <t>ヨコ</t>
    </rPh>
    <rPh sb="1" eb="2">
      <t>ハマ</t>
    </rPh>
    <rPh sb="4" eb="6">
      <t>ホクブ</t>
    </rPh>
    <phoneticPr fontId="18"/>
  </si>
  <si>
    <t>横浜労災</t>
  </si>
  <si>
    <t>222-0036</t>
    <phoneticPr fontId="18"/>
  </si>
  <si>
    <t>横浜市港北区小机町3211</t>
    <rPh sb="0" eb="3">
      <t>ヨコハマシ</t>
    </rPh>
    <rPh sb="3" eb="6">
      <t>コウホクク</t>
    </rPh>
    <rPh sb="6" eb="8">
      <t>コヅクエ</t>
    </rPh>
    <rPh sb="8" eb="9">
      <t>チョウ</t>
    </rPh>
    <phoneticPr fontId="18"/>
  </si>
  <si>
    <t>○</t>
    <phoneticPr fontId="18"/>
  </si>
  <si>
    <t>昭和大学藤が丘</t>
  </si>
  <si>
    <t>227-8501</t>
    <phoneticPr fontId="18"/>
  </si>
  <si>
    <t xml:space="preserve">横浜市青葉区藤が丘1-30 </t>
    <phoneticPr fontId="18"/>
  </si>
  <si>
    <t>昭和大学北部</t>
  </si>
  <si>
    <t>224-8503</t>
    <phoneticPr fontId="18"/>
  </si>
  <si>
    <t xml:space="preserve">横浜市都筑区茅ヶ崎中央35-1 </t>
    <phoneticPr fontId="18"/>
  </si>
  <si>
    <t>横浜市東部</t>
  </si>
  <si>
    <t>230-0012</t>
    <phoneticPr fontId="18"/>
  </si>
  <si>
    <t>横浜市鶴見区下末吉3-6-1</t>
    <rPh sb="0" eb="3">
      <t>ヨコハマシ</t>
    </rPh>
    <rPh sb="3" eb="6">
      <t>ツルミク</t>
    </rPh>
    <rPh sb="6" eb="7">
      <t>シモ</t>
    </rPh>
    <rPh sb="7" eb="9">
      <t>スエヨシ</t>
    </rPh>
    <phoneticPr fontId="18"/>
  </si>
  <si>
    <t>汐田総合</t>
    <rPh sb="0" eb="1">
      <t>ウシオ</t>
    </rPh>
    <rPh sb="1" eb="2">
      <t>タ</t>
    </rPh>
    <rPh sb="2" eb="4">
      <t>ソウゴウ</t>
    </rPh>
    <phoneticPr fontId="18"/>
  </si>
  <si>
    <t>230-0001</t>
    <phoneticPr fontId="18"/>
  </si>
  <si>
    <t>横浜市鶴見区矢向1-6-20</t>
    <rPh sb="0" eb="3">
      <t>ヨコハマシ</t>
    </rPh>
    <rPh sb="3" eb="6">
      <t>ツルミク</t>
    </rPh>
    <rPh sb="6" eb="7">
      <t>ヤ</t>
    </rPh>
    <rPh sb="7" eb="8">
      <t>ムカイ</t>
    </rPh>
    <phoneticPr fontId="18"/>
  </si>
  <si>
    <t>横浜
(西部)</t>
    <rPh sb="0" eb="1">
      <t>ヨコ</t>
    </rPh>
    <rPh sb="1" eb="2">
      <t>ハマ</t>
    </rPh>
    <rPh sb="4" eb="6">
      <t>セイブ</t>
    </rPh>
    <phoneticPr fontId="18"/>
  </si>
  <si>
    <t>けいゆう</t>
  </si>
  <si>
    <t>220-8521</t>
    <phoneticPr fontId="18"/>
  </si>
  <si>
    <t>横浜市西区みなとみらい3-7-3</t>
    <rPh sb="0" eb="3">
      <t>ヨコハマシ</t>
    </rPh>
    <rPh sb="3" eb="5">
      <t>ニシク</t>
    </rPh>
    <phoneticPr fontId="18"/>
  </si>
  <si>
    <t>232-0024</t>
    <phoneticPr fontId="18"/>
  </si>
  <si>
    <t>横浜市南区浦舟町4-57</t>
    <rPh sb="0" eb="3">
      <t>ヨコハマシ</t>
    </rPh>
    <rPh sb="3" eb="5">
      <t>ミナミク</t>
    </rPh>
    <rPh sb="5" eb="8">
      <t>ウラフネチョウ</t>
    </rPh>
    <phoneticPr fontId="18"/>
  </si>
  <si>
    <t>横浜旭中央総合</t>
  </si>
  <si>
    <t>241-0801</t>
    <phoneticPr fontId="18"/>
  </si>
  <si>
    <t>横浜市旭区若葉台4-20-1</t>
    <rPh sb="0" eb="3">
      <t>ヨコハマシ</t>
    </rPh>
    <rPh sb="3" eb="5">
      <t>アサヒク</t>
    </rPh>
    <rPh sb="5" eb="8">
      <t>ワカバダイ</t>
    </rPh>
    <phoneticPr fontId="18"/>
  </si>
  <si>
    <t>横浜市立市民</t>
  </si>
  <si>
    <t>240-8555</t>
    <phoneticPr fontId="18"/>
  </si>
  <si>
    <t>横浜市保土ヶ谷区岡沢町56</t>
    <rPh sb="0" eb="3">
      <t>ヨコハマシ</t>
    </rPh>
    <rPh sb="3" eb="8">
      <t>ホドガヤク</t>
    </rPh>
    <rPh sb="8" eb="10">
      <t>オカザワ</t>
    </rPh>
    <rPh sb="10" eb="11">
      <t>チョウ</t>
    </rPh>
    <phoneticPr fontId="18"/>
  </si>
  <si>
    <t>県立がんｾﾝﾀｰ</t>
    <rPh sb="0" eb="2">
      <t>ケンリツ</t>
    </rPh>
    <phoneticPr fontId="18"/>
  </si>
  <si>
    <t xml:space="preserve">241-0815 </t>
  </si>
  <si>
    <t>横浜市旭区中尾2-3-3</t>
  </si>
  <si>
    <t>戸塚</t>
    <rPh sb="0" eb="2">
      <t>トツカ</t>
    </rPh>
    <phoneticPr fontId="18"/>
  </si>
  <si>
    <t>245-0006</t>
    <phoneticPr fontId="18"/>
  </si>
  <si>
    <t>横浜市戸塚区汲沢町1025-6</t>
    <phoneticPr fontId="18"/>
  </si>
  <si>
    <t>横浜
(南部)</t>
    <rPh sb="0" eb="1">
      <t>ヨコ</t>
    </rPh>
    <rPh sb="1" eb="2">
      <t>ハマ</t>
    </rPh>
    <rPh sb="4" eb="6">
      <t>ナンブ</t>
    </rPh>
    <phoneticPr fontId="18"/>
  </si>
  <si>
    <t>みなと赤十字</t>
  </si>
  <si>
    <t>231-8682</t>
    <phoneticPr fontId="18"/>
  </si>
  <si>
    <t>横浜市中区新山下3-12-1</t>
    <rPh sb="0" eb="3">
      <t>ヨコハマシ</t>
    </rPh>
    <rPh sb="3" eb="5">
      <t>ナカク</t>
    </rPh>
    <rPh sb="5" eb="8">
      <t>シンヤマシタ</t>
    </rPh>
    <phoneticPr fontId="18"/>
  </si>
  <si>
    <t>横浜栄共済</t>
  </si>
  <si>
    <t>247-8581</t>
    <phoneticPr fontId="18"/>
  </si>
  <si>
    <t>横浜市栄区桂町132</t>
    <rPh sb="0" eb="3">
      <t>ヨコハマシ</t>
    </rPh>
    <rPh sb="3" eb="5">
      <t>サカエク</t>
    </rPh>
    <rPh sb="5" eb="6">
      <t>カツラ</t>
    </rPh>
    <rPh sb="6" eb="7">
      <t>マチ</t>
    </rPh>
    <phoneticPr fontId="18"/>
  </si>
  <si>
    <t>市大ｾﾝﾀｰ</t>
  </si>
  <si>
    <t>横浜南共済</t>
  </si>
  <si>
    <t>236-0037</t>
    <phoneticPr fontId="18"/>
  </si>
  <si>
    <t>横浜市金沢区六浦東1-21-1</t>
    <rPh sb="0" eb="3">
      <t>ヨコハマシ</t>
    </rPh>
    <rPh sb="3" eb="6">
      <t>カナザワク</t>
    </rPh>
    <rPh sb="6" eb="8">
      <t>ムツウラ</t>
    </rPh>
    <rPh sb="8" eb="9">
      <t>ヒガシ</t>
    </rPh>
    <phoneticPr fontId="18"/>
  </si>
  <si>
    <t>市大附属</t>
  </si>
  <si>
    <t>236-0004</t>
    <phoneticPr fontId="18"/>
  </si>
  <si>
    <t>横浜市金沢区福浦3-9</t>
    <rPh sb="0" eb="3">
      <t>ヨコハマシ</t>
    </rPh>
    <rPh sb="3" eb="6">
      <t>カナザワク</t>
    </rPh>
    <rPh sb="6" eb="8">
      <t>フクウラ</t>
    </rPh>
    <phoneticPr fontId="18"/>
  </si>
  <si>
    <t>精神医療ｾﾝﾀｰ</t>
    <rPh sb="0" eb="2">
      <t>セイシン</t>
    </rPh>
    <rPh sb="2" eb="4">
      <t>イリョウ</t>
    </rPh>
    <phoneticPr fontId="18"/>
  </si>
  <si>
    <t>233-0006</t>
    <phoneticPr fontId="18"/>
  </si>
  <si>
    <t>横浜市港南区芹が谷2-5-1</t>
    <rPh sb="0" eb="3">
      <t>ヨコハマシ</t>
    </rPh>
    <rPh sb="3" eb="6">
      <t>コウナンク</t>
    </rPh>
    <rPh sb="6" eb="7">
      <t>セリ</t>
    </rPh>
    <rPh sb="8" eb="9">
      <t>ヤ</t>
    </rPh>
    <phoneticPr fontId="18"/>
  </si>
  <si>
    <t>横浜市南部</t>
  </si>
  <si>
    <t>234-8503</t>
    <phoneticPr fontId="18"/>
  </si>
  <si>
    <t>横浜市港南区港南台3-2-10</t>
    <rPh sb="0" eb="3">
      <t>ヨコハマシ</t>
    </rPh>
    <rPh sb="3" eb="6">
      <t>コウナンク</t>
    </rPh>
    <rPh sb="6" eb="9">
      <t>コウナンダイ</t>
    </rPh>
    <phoneticPr fontId="18"/>
  </si>
  <si>
    <t>県立こども医療</t>
    <rPh sb="0" eb="2">
      <t>ケンリツ</t>
    </rPh>
    <rPh sb="5" eb="7">
      <t>イリョウ</t>
    </rPh>
    <phoneticPr fontId="18"/>
  </si>
  <si>
    <t>232-0066</t>
  </si>
  <si>
    <t>横浜市南区六ッ川２－１３８－４</t>
  </si>
  <si>
    <t>川崎
北部</t>
    <rPh sb="0" eb="2">
      <t>カワサキ</t>
    </rPh>
    <rPh sb="3" eb="5">
      <t>ホクブ</t>
    </rPh>
    <phoneticPr fontId="18"/>
  </si>
  <si>
    <t>帝京溝口</t>
  </si>
  <si>
    <t>213-8507</t>
    <phoneticPr fontId="18"/>
  </si>
  <si>
    <t>川崎市高津区溝口3-8-3</t>
    <rPh sb="0" eb="3">
      <t>カワサキシ</t>
    </rPh>
    <rPh sb="3" eb="6">
      <t>タカツク</t>
    </rPh>
    <rPh sb="6" eb="8">
      <t>ミゾノクチ</t>
    </rPh>
    <phoneticPr fontId="18"/>
  </si>
  <si>
    <t>聖ﾏﾘ</t>
  </si>
  <si>
    <t>216-8511</t>
    <phoneticPr fontId="18"/>
  </si>
  <si>
    <t>川崎市宮前区菅生2-16-1</t>
    <rPh sb="0" eb="3">
      <t>カワサキシ</t>
    </rPh>
    <rPh sb="3" eb="6">
      <t>ミヤマエク</t>
    </rPh>
    <rPh sb="6" eb="8">
      <t>スガオ</t>
    </rPh>
    <phoneticPr fontId="18"/>
  </si>
  <si>
    <t>新百合ケ丘総合</t>
  </si>
  <si>
    <t>215-0026</t>
  </si>
  <si>
    <t>川崎市麻生区古沢字都古２５５</t>
    <rPh sb="0" eb="3">
      <t>カワサキシ</t>
    </rPh>
    <rPh sb="3" eb="6">
      <t>アサオク</t>
    </rPh>
    <rPh sb="6" eb="8">
      <t>フルサワ</t>
    </rPh>
    <rPh sb="8" eb="9">
      <t>ジ</t>
    </rPh>
    <rPh sb="9" eb="10">
      <t>ミヤコ</t>
    </rPh>
    <rPh sb="10" eb="11">
      <t>コ</t>
    </rPh>
    <phoneticPr fontId="22"/>
  </si>
  <si>
    <t>川崎市立多摩</t>
    <rPh sb="0" eb="2">
      <t>カワサキ</t>
    </rPh>
    <rPh sb="2" eb="4">
      <t>シリツ</t>
    </rPh>
    <rPh sb="4" eb="6">
      <t>タマ</t>
    </rPh>
    <phoneticPr fontId="18"/>
  </si>
  <si>
    <t>214-0021</t>
  </si>
  <si>
    <t>川崎市多摩区宿河原１－３０－３７</t>
    <rPh sb="6" eb="9">
      <t>シュクガワラ</t>
    </rPh>
    <phoneticPr fontId="22"/>
  </si>
  <si>
    <t>214-0013</t>
    <phoneticPr fontId="18"/>
  </si>
  <si>
    <t xml:space="preserve">川崎市多摩区登戸新町337 </t>
  </si>
  <si>
    <t>久地診療所</t>
    <rPh sb="0" eb="1">
      <t>ヒサ</t>
    </rPh>
    <rPh sb="1" eb="2">
      <t>チ</t>
    </rPh>
    <rPh sb="2" eb="5">
      <t>シンリョウジョ</t>
    </rPh>
    <phoneticPr fontId="18"/>
  </si>
  <si>
    <t>213-0032</t>
  </si>
  <si>
    <t>川崎市高津区久地4-19-8</t>
    <phoneticPr fontId="18"/>
  </si>
  <si>
    <t>川崎
南部</t>
    <rPh sb="0" eb="2">
      <t>カワサキ</t>
    </rPh>
    <rPh sb="3" eb="5">
      <t>ナンブ</t>
    </rPh>
    <phoneticPr fontId="18"/>
  </si>
  <si>
    <t>川崎市立川崎</t>
  </si>
  <si>
    <t>210-8577</t>
    <phoneticPr fontId="18"/>
  </si>
  <si>
    <t>川崎市川崎区宮本町1</t>
    <rPh sb="0" eb="3">
      <t>カワサキシ</t>
    </rPh>
    <rPh sb="3" eb="6">
      <t>カワサキク</t>
    </rPh>
    <rPh sb="6" eb="9">
      <t>ミヤモトチョウ</t>
    </rPh>
    <phoneticPr fontId="18"/>
  </si>
  <si>
    <t>日本鋼管</t>
  </si>
  <si>
    <t>210-0852</t>
    <phoneticPr fontId="18"/>
  </si>
  <si>
    <t>川崎市川崎区鋼管通1-2-1</t>
    <rPh sb="0" eb="3">
      <t>カワサキシ</t>
    </rPh>
    <rPh sb="3" eb="6">
      <t>カワサキク</t>
    </rPh>
    <rPh sb="6" eb="9">
      <t>コウカンドオリ</t>
    </rPh>
    <phoneticPr fontId="18"/>
  </si>
  <si>
    <t>関東労災</t>
  </si>
  <si>
    <t>211-8510</t>
    <phoneticPr fontId="18"/>
  </si>
  <si>
    <t>川崎市中原区木月住吉町1-1</t>
    <rPh sb="0" eb="3">
      <t>カワサキシ</t>
    </rPh>
    <rPh sb="3" eb="6">
      <t>ナカハラク</t>
    </rPh>
    <rPh sb="6" eb="8">
      <t>キヅキ</t>
    </rPh>
    <rPh sb="8" eb="11">
      <t>スミヨシチョウ</t>
    </rPh>
    <phoneticPr fontId="18"/>
  </si>
  <si>
    <t>川崎市立井田</t>
  </si>
  <si>
    <t>211-0035</t>
    <phoneticPr fontId="18"/>
  </si>
  <si>
    <t>川崎市中原区井田2-27-1</t>
    <phoneticPr fontId="18"/>
  </si>
  <si>
    <t>総合新川橋</t>
    <rPh sb="0" eb="2">
      <t>ソウゴウ</t>
    </rPh>
    <rPh sb="2" eb="3">
      <t>シン</t>
    </rPh>
    <phoneticPr fontId="18"/>
  </si>
  <si>
    <t xml:space="preserve">210-0013 </t>
  </si>
  <si>
    <t>川崎市川崎区新川通1-15</t>
  </si>
  <si>
    <t>武蔵小杉</t>
    <rPh sb="0" eb="2">
      <t>ムサシ</t>
    </rPh>
    <rPh sb="2" eb="4">
      <t>コスギ</t>
    </rPh>
    <phoneticPr fontId="18"/>
  </si>
  <si>
    <t>211-8533</t>
    <phoneticPr fontId="18"/>
  </si>
  <si>
    <t>川崎市中原区小杉町1-396</t>
    <rPh sb="0" eb="3">
      <t>カワサキシ</t>
    </rPh>
    <rPh sb="3" eb="6">
      <t>ナカハラク</t>
    </rPh>
    <rPh sb="6" eb="9">
      <t>コスギチョウ</t>
    </rPh>
    <phoneticPr fontId="18"/>
  </si>
  <si>
    <t>川崎協同</t>
    <rPh sb="0" eb="2">
      <t>カワサキ</t>
    </rPh>
    <rPh sb="2" eb="4">
      <t>キョウドウ</t>
    </rPh>
    <phoneticPr fontId="18"/>
  </si>
  <si>
    <t>210-0833</t>
    <phoneticPr fontId="18"/>
  </si>
  <si>
    <t>川崎市川崎区桜本2-1-5</t>
    <rPh sb="0" eb="3">
      <t>カワサキシ</t>
    </rPh>
    <rPh sb="3" eb="6">
      <t>カワサキク</t>
    </rPh>
    <rPh sb="6" eb="8">
      <t>サクラモト</t>
    </rPh>
    <phoneticPr fontId="18"/>
  </si>
  <si>
    <t>相模原</t>
    <rPh sb="0" eb="3">
      <t>サガミハラ</t>
    </rPh>
    <phoneticPr fontId="18"/>
  </si>
  <si>
    <t>北里</t>
  </si>
  <si>
    <t>252-0375</t>
    <phoneticPr fontId="18"/>
  </si>
  <si>
    <t>相模原市南区北里1-15-1</t>
    <rPh sb="0" eb="4">
      <t>サガミハラシ</t>
    </rPh>
    <rPh sb="4" eb="6">
      <t>ミナミク</t>
    </rPh>
    <rPh sb="6" eb="8">
      <t>キタザト</t>
    </rPh>
    <phoneticPr fontId="18"/>
  </si>
  <si>
    <t>相模原</t>
  </si>
  <si>
    <t>252-0392</t>
  </si>
  <si>
    <t>相模原市南区桜台１８－１</t>
    <rPh sb="4" eb="6">
      <t>ミナミク</t>
    </rPh>
    <phoneticPr fontId="22"/>
  </si>
  <si>
    <t>相模原協同</t>
  </si>
  <si>
    <t>259-1132</t>
    <phoneticPr fontId="18"/>
  </si>
  <si>
    <t>相模原市緑区橋本2-8-18</t>
    <rPh sb="0" eb="4">
      <t>サガミハラシ</t>
    </rPh>
    <rPh sb="4" eb="6">
      <t>ミドリク</t>
    </rPh>
    <rPh sb="6" eb="8">
      <t>ハシモト</t>
    </rPh>
    <phoneticPr fontId="18"/>
  </si>
  <si>
    <t>横須賀
・三浦</t>
    <rPh sb="0" eb="3">
      <t>ヨコスカ</t>
    </rPh>
    <rPh sb="5" eb="7">
      <t>ミウラ</t>
    </rPh>
    <phoneticPr fontId="18"/>
  </si>
  <si>
    <t>横須賀共済</t>
  </si>
  <si>
    <t>238-8588</t>
    <phoneticPr fontId="18"/>
  </si>
  <si>
    <t>横須賀市米が浜通1-16</t>
    <rPh sb="0" eb="4">
      <t>ヨコスカシ</t>
    </rPh>
    <rPh sb="4" eb="5">
      <t>ヨネ</t>
    </rPh>
    <rPh sb="6" eb="7">
      <t>ハマ</t>
    </rPh>
    <rPh sb="7" eb="8">
      <t>ドオ</t>
    </rPh>
    <phoneticPr fontId="18"/>
  </si>
  <si>
    <t>横須賀市立市民</t>
  </si>
  <si>
    <t>240-0195</t>
    <phoneticPr fontId="18"/>
  </si>
  <si>
    <t>横須賀市長坂1-3-2</t>
    <phoneticPr fontId="18"/>
  </si>
  <si>
    <t>うわまち</t>
  </si>
  <si>
    <t>238-8567</t>
    <phoneticPr fontId="18"/>
  </si>
  <si>
    <t>横須賀市上町2-36</t>
    <rPh sb="0" eb="4">
      <t>ヨコスカシ</t>
    </rPh>
    <rPh sb="4" eb="6">
      <t>ウワマチ</t>
    </rPh>
    <phoneticPr fontId="18"/>
  </si>
  <si>
    <t>湘南鎌倉総合</t>
  </si>
  <si>
    <t>247-8533</t>
    <phoneticPr fontId="18"/>
  </si>
  <si>
    <t>鎌倉市岡本1370-1</t>
    <rPh sb="0" eb="3">
      <t>カマクラシ</t>
    </rPh>
    <rPh sb="3" eb="5">
      <t>オカモト</t>
    </rPh>
    <phoneticPr fontId="18"/>
  </si>
  <si>
    <t>239-0841</t>
  </si>
  <si>
    <t>横須賀市野比５－３－１</t>
    <phoneticPr fontId="23"/>
  </si>
  <si>
    <t>福井記念</t>
    <rPh sb="0" eb="2">
      <t>フクイ</t>
    </rPh>
    <rPh sb="2" eb="4">
      <t>キネン</t>
    </rPh>
    <phoneticPr fontId="18"/>
  </si>
  <si>
    <t xml:space="preserve">238-0115 </t>
  </si>
  <si>
    <t>三浦市初声町高円坊1040番2</t>
  </si>
  <si>
    <t>湘南
東部</t>
    <rPh sb="0" eb="2">
      <t>ショウナン</t>
    </rPh>
    <rPh sb="3" eb="5">
      <t>トウブ</t>
    </rPh>
    <phoneticPr fontId="18"/>
  </si>
  <si>
    <t>藤沢市民</t>
  </si>
  <si>
    <t>251-8550</t>
    <phoneticPr fontId="18"/>
  </si>
  <si>
    <t>藤沢市藤沢2-6-1</t>
    <rPh sb="0" eb="2">
      <t>フジサワ</t>
    </rPh>
    <rPh sb="2" eb="3">
      <t>シ</t>
    </rPh>
    <rPh sb="3" eb="5">
      <t>フジサワ</t>
    </rPh>
    <phoneticPr fontId="18"/>
  </si>
  <si>
    <t>湘南藤沢徳洲会</t>
  </si>
  <si>
    <t>251-0041</t>
    <phoneticPr fontId="18"/>
  </si>
  <si>
    <t>藤沢市辻堂神台1-5-1</t>
    <rPh sb="0" eb="3">
      <t>フジサワシ</t>
    </rPh>
    <rPh sb="3" eb="5">
      <t>ツジドウ</t>
    </rPh>
    <rPh sb="5" eb="6">
      <t>カミ</t>
    </rPh>
    <rPh sb="6" eb="7">
      <t>ダイ</t>
    </rPh>
    <phoneticPr fontId="18"/>
  </si>
  <si>
    <t>茅ヶ崎市立</t>
  </si>
  <si>
    <t>253-0042</t>
    <phoneticPr fontId="18"/>
  </si>
  <si>
    <t>茅ヶ崎市本村5-15-1</t>
    <rPh sb="0" eb="4">
      <t>チガサキシ</t>
    </rPh>
    <rPh sb="4" eb="6">
      <t>ホンムラ</t>
    </rPh>
    <phoneticPr fontId="18"/>
  </si>
  <si>
    <t>茅ヶ崎徳洲会</t>
    <rPh sb="0" eb="3">
      <t>チガサキ</t>
    </rPh>
    <rPh sb="3" eb="4">
      <t>トク</t>
    </rPh>
    <rPh sb="4" eb="5">
      <t>シュウ</t>
    </rPh>
    <rPh sb="5" eb="6">
      <t>カイ</t>
    </rPh>
    <phoneticPr fontId="18"/>
  </si>
  <si>
    <t>253-0052</t>
    <phoneticPr fontId="18"/>
  </si>
  <si>
    <t>茅ヶ崎市幸町１４－１</t>
    <rPh sb="0" eb="4">
      <t>チガサキシ</t>
    </rPh>
    <rPh sb="4" eb="6">
      <t>サイワイチョウ</t>
    </rPh>
    <phoneticPr fontId="24"/>
  </si>
  <si>
    <t>湘南
西部</t>
    <rPh sb="0" eb="2">
      <t>ショウナン</t>
    </rPh>
    <rPh sb="3" eb="5">
      <t>セイブ</t>
    </rPh>
    <phoneticPr fontId="18"/>
  </si>
  <si>
    <t>平塚共済</t>
  </si>
  <si>
    <t>254-8502</t>
    <phoneticPr fontId="18"/>
  </si>
  <si>
    <t>平塚市追分9-11</t>
    <rPh sb="0" eb="3">
      <t>ヒラツカシ</t>
    </rPh>
    <rPh sb="3" eb="5">
      <t>オイワケ</t>
    </rPh>
    <phoneticPr fontId="18"/>
  </si>
  <si>
    <t>東海</t>
  </si>
  <si>
    <t>259-1193</t>
    <phoneticPr fontId="18"/>
  </si>
  <si>
    <t>伊勢原市下糟屋143</t>
    <rPh sb="0" eb="4">
      <t>イセハラシ</t>
    </rPh>
    <rPh sb="4" eb="7">
      <t>シモカスヤ</t>
    </rPh>
    <phoneticPr fontId="18"/>
  </si>
  <si>
    <t>平塚市民</t>
    <rPh sb="0" eb="2">
      <t>ヒラツカ</t>
    </rPh>
    <rPh sb="2" eb="4">
      <t>シミン</t>
    </rPh>
    <phoneticPr fontId="18"/>
  </si>
  <si>
    <t>254-0065</t>
    <phoneticPr fontId="18"/>
  </si>
  <si>
    <t>平塚市南原1-19-1</t>
    <rPh sb="0" eb="3">
      <t>ヒラツカシ</t>
    </rPh>
    <rPh sb="3" eb="5">
      <t>ミナミハラ</t>
    </rPh>
    <phoneticPr fontId="18"/>
  </si>
  <si>
    <t>県央</t>
    <rPh sb="0" eb="2">
      <t>ケンオウ</t>
    </rPh>
    <phoneticPr fontId="18"/>
  </si>
  <si>
    <t>東名厚木</t>
  </si>
  <si>
    <t>243-8571</t>
    <phoneticPr fontId="18"/>
  </si>
  <si>
    <t>厚木市船子232</t>
    <rPh sb="0" eb="3">
      <t>アツギシ</t>
    </rPh>
    <rPh sb="3" eb="5">
      <t>フナコ</t>
    </rPh>
    <phoneticPr fontId="18"/>
  </si>
  <si>
    <t>大和市立</t>
  </si>
  <si>
    <t>242-8602</t>
    <phoneticPr fontId="18"/>
  </si>
  <si>
    <t>大和市深見西8-3-6</t>
    <rPh sb="0" eb="2">
      <t>ヤマト</t>
    </rPh>
    <rPh sb="2" eb="3">
      <t>シ</t>
    </rPh>
    <rPh sb="3" eb="5">
      <t>フカミ</t>
    </rPh>
    <rPh sb="5" eb="6">
      <t>ニシ</t>
    </rPh>
    <phoneticPr fontId="18"/>
  </si>
  <si>
    <t>海老名総合</t>
  </si>
  <si>
    <t>243-0433</t>
    <phoneticPr fontId="18"/>
  </si>
  <si>
    <t>海老名市河原口1320</t>
    <rPh sb="0" eb="4">
      <t>エビナシ</t>
    </rPh>
    <rPh sb="4" eb="6">
      <t>カワハラ</t>
    </rPh>
    <rPh sb="6" eb="7">
      <t>グチ</t>
    </rPh>
    <phoneticPr fontId="18"/>
  </si>
  <si>
    <t>県西</t>
    <rPh sb="0" eb="1">
      <t>ケン</t>
    </rPh>
    <rPh sb="1" eb="2">
      <t>ニシ</t>
    </rPh>
    <phoneticPr fontId="18"/>
  </si>
  <si>
    <t>県立足柄上</t>
    <rPh sb="0" eb="2">
      <t>ケンリツ</t>
    </rPh>
    <rPh sb="2" eb="4">
      <t>アシガラ</t>
    </rPh>
    <rPh sb="4" eb="5">
      <t>ウエ</t>
    </rPh>
    <phoneticPr fontId="18"/>
  </si>
  <si>
    <t>258-0003</t>
    <phoneticPr fontId="18"/>
  </si>
  <si>
    <t>足柄上郡松田町松田惣領866-1</t>
    <rPh sb="0" eb="4">
      <t>アシガラカミグン</t>
    </rPh>
    <rPh sb="4" eb="7">
      <t>マツダマチ</t>
    </rPh>
    <rPh sb="7" eb="9">
      <t>マツダ</t>
    </rPh>
    <rPh sb="9" eb="11">
      <t>ソウリョウ</t>
    </rPh>
    <phoneticPr fontId="18"/>
  </si>
  <si>
    <t>合計</t>
    <rPh sb="0" eb="2">
      <t>ゴウケイ</t>
    </rPh>
    <phoneticPr fontId="18"/>
  </si>
  <si>
    <t>№</t>
    <phoneticPr fontId="18"/>
  </si>
  <si>
    <t>医療機関名(未使用)</t>
    <rPh sb="0" eb="2">
      <t>イリョウ</t>
    </rPh>
    <rPh sb="2" eb="4">
      <t>キカン</t>
    </rPh>
    <rPh sb="4" eb="5">
      <t>メイ</t>
    </rPh>
    <rPh sb="6" eb="9">
      <t>ミシヨウ</t>
    </rPh>
    <phoneticPr fontId="18"/>
  </si>
  <si>
    <t>川崎幸病院</t>
    <phoneticPr fontId="18"/>
  </si>
  <si>
    <t>212-0014</t>
    <phoneticPr fontId="18"/>
  </si>
  <si>
    <t>川崎市幸区大宮町31-27</t>
    <rPh sb="0" eb="3">
      <t>カワサキシ</t>
    </rPh>
    <rPh sb="3" eb="5">
      <t>サイワイク</t>
    </rPh>
    <rPh sb="5" eb="8">
      <t>オオミヤチョウ</t>
    </rPh>
    <phoneticPr fontId="18"/>
  </si>
  <si>
    <r>
      <t>○</t>
    </r>
    <r>
      <rPr>
        <vertAlign val="superscript"/>
        <sz val="12"/>
        <color rgb="FFFF0000"/>
        <rFont val="ＭＳ 明朝"/>
        <family val="1"/>
        <charset val="128"/>
      </rPr>
      <t>※</t>
    </r>
    <phoneticPr fontId="18"/>
  </si>
  <si>
    <t>聖隷横浜病院</t>
    <rPh sb="0" eb="2">
      <t>セイレイ</t>
    </rPh>
    <rPh sb="2" eb="4">
      <t>ヨコハマ</t>
    </rPh>
    <rPh sb="4" eb="6">
      <t>ビョウイン</t>
    </rPh>
    <phoneticPr fontId="18"/>
  </si>
  <si>
    <t>令和５年度県内専門研修基幹施設一覧(R5.4更新版)</t>
    <rPh sb="0" eb="2">
      <t>レイワ</t>
    </rPh>
    <rPh sb="3" eb="5">
      <t>ネンド</t>
    </rPh>
    <rPh sb="4" eb="5">
      <t>ド</t>
    </rPh>
    <rPh sb="5" eb="7">
      <t>ケンナイ</t>
    </rPh>
    <rPh sb="7" eb="9">
      <t>センモン</t>
    </rPh>
    <rPh sb="9" eb="11">
      <t>ケンシュウ</t>
    </rPh>
    <rPh sb="11" eb="13">
      <t>キカン</t>
    </rPh>
    <rPh sb="13" eb="15">
      <t>シセツ</t>
    </rPh>
    <rPh sb="15" eb="17">
      <t>イチラン</t>
    </rPh>
    <rPh sb="22" eb="24">
      <t>コウシン</t>
    </rPh>
    <rPh sb="24" eb="25">
      <t>バン</t>
    </rPh>
    <phoneticPr fontId="18"/>
  </si>
  <si>
    <t>※は令和５年度新規認定プログラム</t>
    <rPh sb="9" eb="11">
      <t>ニンテイ</t>
    </rPh>
    <phoneticPr fontId="18"/>
  </si>
  <si>
    <t>横浜保土ケ谷中央病院</t>
    <phoneticPr fontId="18"/>
  </si>
  <si>
    <t>R5追加</t>
    <rPh sb="2" eb="4">
      <t>ツイカ</t>
    </rPh>
    <phoneticPr fontId="18"/>
  </si>
  <si>
    <t>昭和大学藤が丘病院リハビリテーション病院</t>
    <rPh sb="18" eb="20">
      <t>ビョウイン</t>
    </rPh>
    <phoneticPr fontId="1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31" x14ac:knownFonts="1"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8"/>
      <color theme="3"/>
      <name val="ＭＳ Ｐゴシック"/>
      <family val="2"/>
      <charset val="128"/>
      <scheme val="major"/>
    </font>
    <font>
      <b/>
      <sz val="15"/>
      <color theme="3"/>
      <name val="ＭＳ 明朝"/>
      <family val="2"/>
      <charset val="128"/>
    </font>
    <font>
      <b/>
      <sz val="13"/>
      <color theme="3"/>
      <name val="ＭＳ 明朝"/>
      <family val="2"/>
      <charset val="128"/>
    </font>
    <font>
      <b/>
      <sz val="11"/>
      <color theme="3"/>
      <name val="ＭＳ 明朝"/>
      <family val="2"/>
      <charset val="128"/>
    </font>
    <font>
      <sz val="12"/>
      <color rgb="FF006100"/>
      <name val="ＭＳ 明朝"/>
      <family val="2"/>
      <charset val="128"/>
    </font>
    <font>
      <sz val="12"/>
      <color rgb="FF9C0006"/>
      <name val="ＭＳ 明朝"/>
      <family val="2"/>
      <charset val="128"/>
    </font>
    <font>
      <sz val="12"/>
      <color rgb="FF9C6500"/>
      <name val="ＭＳ 明朝"/>
      <family val="2"/>
      <charset val="128"/>
    </font>
    <font>
      <sz val="12"/>
      <color rgb="FF3F3F76"/>
      <name val="ＭＳ 明朝"/>
      <family val="2"/>
      <charset val="128"/>
    </font>
    <font>
      <b/>
      <sz val="12"/>
      <color rgb="FF3F3F3F"/>
      <name val="ＭＳ 明朝"/>
      <family val="2"/>
      <charset val="128"/>
    </font>
    <font>
      <b/>
      <sz val="12"/>
      <color rgb="FFFA7D00"/>
      <name val="ＭＳ 明朝"/>
      <family val="2"/>
      <charset val="128"/>
    </font>
    <font>
      <sz val="12"/>
      <color rgb="FFFA7D00"/>
      <name val="ＭＳ 明朝"/>
      <family val="2"/>
      <charset val="128"/>
    </font>
    <font>
      <b/>
      <sz val="12"/>
      <color theme="0"/>
      <name val="ＭＳ 明朝"/>
      <family val="2"/>
      <charset val="128"/>
    </font>
    <font>
      <sz val="12"/>
      <color rgb="FFFF0000"/>
      <name val="ＭＳ 明朝"/>
      <family val="2"/>
      <charset val="128"/>
    </font>
    <font>
      <i/>
      <sz val="12"/>
      <color rgb="FF7F7F7F"/>
      <name val="ＭＳ 明朝"/>
      <family val="2"/>
      <charset val="128"/>
    </font>
    <font>
      <b/>
      <sz val="12"/>
      <color theme="1"/>
      <name val="ＭＳ 明朝"/>
      <family val="2"/>
      <charset val="128"/>
    </font>
    <font>
      <sz val="12"/>
      <color theme="0"/>
      <name val="ＭＳ 明朝"/>
      <family val="2"/>
      <charset val="128"/>
    </font>
    <font>
      <sz val="6"/>
      <name val="ＭＳ 明朝"/>
      <family val="2"/>
      <charset val="128"/>
    </font>
    <font>
      <sz val="12"/>
      <name val="ＭＳ 明朝"/>
      <family val="1"/>
      <charset val="128"/>
    </font>
    <font>
      <sz val="12"/>
      <name val="ＭＳ 明朝"/>
      <family val="2"/>
      <charset val="128"/>
    </font>
    <font>
      <u/>
      <sz val="12"/>
      <color theme="10"/>
      <name val="ＭＳ 明朝"/>
      <family val="1"/>
      <charset val="128"/>
    </font>
    <font>
      <sz val="6"/>
      <name val="ＭＳ Ｐゴシック"/>
      <family val="3"/>
      <charset val="128"/>
    </font>
    <font>
      <b/>
      <sz val="11"/>
      <color rgb="FF3F3F3F"/>
      <name val="ＭＳ Ｐゴシック"/>
      <family val="2"/>
      <charset val="128"/>
      <scheme val="minor"/>
    </font>
    <font>
      <b/>
      <sz val="12"/>
      <name val="ＭＳ ゴシック"/>
      <family val="3"/>
      <charset val="128"/>
    </font>
    <font>
      <sz val="12"/>
      <color rgb="FFFF0000"/>
      <name val="ＭＳ 明朝"/>
      <family val="1"/>
      <charset val="128"/>
    </font>
    <font>
      <vertAlign val="superscript"/>
      <sz val="12"/>
      <color rgb="FFFF0000"/>
      <name val="ＭＳ 明朝"/>
      <family val="1"/>
      <charset val="128"/>
    </font>
    <font>
      <sz val="14"/>
      <name val="ＭＳ ゴシック"/>
      <family val="3"/>
      <charset val="128"/>
    </font>
    <font>
      <sz val="9"/>
      <name val="ＭＳ ゴシック"/>
      <family val="3"/>
      <charset val="128"/>
    </font>
    <font>
      <sz val="12"/>
      <name val="ＭＳ ゴシック"/>
      <family val="3"/>
      <charset val="128"/>
    </font>
    <font>
      <sz val="14"/>
      <name val="ＭＳ 明朝"/>
      <family val="2"/>
      <charset val="128"/>
    </font>
  </fonts>
  <fills count="35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0"/>
        <bgColor indexed="64"/>
      </patternFill>
    </fill>
  </fills>
  <borders count="27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 diagonalUp="1"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 style="thin">
        <color indexed="64"/>
      </diagonal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7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7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7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7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7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7" fillId="32" borderId="0" applyNumberFormat="0" applyBorder="0" applyAlignment="0" applyProtection="0">
      <alignment vertical="center"/>
    </xf>
    <xf numFmtId="0" fontId="21" fillId="0" borderId="0" applyNumberFormat="0" applyFill="0" applyBorder="0" applyAlignment="0" applyProtection="0">
      <alignment vertical="top"/>
      <protection locked="0"/>
    </xf>
  </cellStyleXfs>
  <cellXfs count="59">
    <xf numFmtId="0" fontId="0" fillId="0" borderId="0" xfId="0">
      <alignment vertical="center"/>
    </xf>
    <xf numFmtId="0" fontId="19" fillId="33" borderId="11" xfId="0" applyFont="1" applyFill="1" applyBorder="1" applyAlignment="1">
      <alignment horizontal="center" vertical="center" shrinkToFit="1"/>
    </xf>
    <xf numFmtId="0" fontId="19" fillId="0" borderId="20" xfId="0" applyFont="1" applyFill="1" applyBorder="1" applyAlignment="1">
      <alignment horizontal="center" vertical="center" shrinkToFit="1"/>
    </xf>
    <xf numFmtId="0" fontId="19" fillId="0" borderId="13" xfId="0" applyFont="1" applyFill="1" applyBorder="1" applyAlignment="1">
      <alignment horizontal="center" vertical="center" shrinkToFit="1"/>
    </xf>
    <xf numFmtId="0" fontId="19" fillId="0" borderId="17" xfId="0" applyFont="1" applyFill="1" applyBorder="1" applyAlignment="1">
      <alignment vertical="center" shrinkToFit="1"/>
    </xf>
    <xf numFmtId="0" fontId="19" fillId="0" borderId="17" xfId="0" applyFont="1" applyFill="1" applyBorder="1" applyAlignment="1">
      <alignment horizontal="center" vertical="center" shrinkToFit="1"/>
    </xf>
    <xf numFmtId="0" fontId="20" fillId="0" borderId="16" xfId="0" applyFont="1" applyFill="1" applyBorder="1" applyAlignment="1">
      <alignment horizontal="center" vertical="center" shrinkToFit="1"/>
    </xf>
    <xf numFmtId="0" fontId="19" fillId="0" borderId="26" xfId="0" applyFont="1" applyFill="1" applyBorder="1" applyAlignment="1">
      <alignment horizontal="center" vertical="center" shrinkToFit="1"/>
    </xf>
    <xf numFmtId="0" fontId="19" fillId="0" borderId="13" xfId="0" applyFont="1" applyFill="1" applyBorder="1" applyAlignment="1">
      <alignment vertical="center" shrinkToFit="1"/>
    </xf>
    <xf numFmtId="0" fontId="19" fillId="0" borderId="19" xfId="0" applyFont="1" applyFill="1" applyBorder="1" applyAlignment="1">
      <alignment horizontal="center" vertical="center" shrinkToFit="1"/>
    </xf>
    <xf numFmtId="0" fontId="19" fillId="0" borderId="13" xfId="0" applyFont="1" applyFill="1" applyBorder="1" applyAlignment="1">
      <alignment horizontal="center" vertical="center" wrapText="1"/>
    </xf>
    <xf numFmtId="0" fontId="19" fillId="0" borderId="13" xfId="0" applyFont="1" applyFill="1" applyBorder="1" applyAlignment="1">
      <alignment horizontal="left" vertical="center" wrapText="1"/>
    </xf>
    <xf numFmtId="0" fontId="19" fillId="0" borderId="13" xfId="42" applyFont="1" applyFill="1" applyBorder="1" applyAlignment="1" applyProtection="1">
      <alignment horizontal="center" vertical="center" shrinkToFit="1"/>
    </xf>
    <xf numFmtId="0" fontId="19" fillId="0" borderId="13" xfId="42" applyFont="1" applyFill="1" applyBorder="1" applyAlignment="1" applyProtection="1">
      <alignment vertical="center" shrinkToFit="1"/>
    </xf>
    <xf numFmtId="49" fontId="19" fillId="0" borderId="13" xfId="0" applyNumberFormat="1" applyFont="1" applyFill="1" applyBorder="1" applyAlignment="1">
      <alignment vertical="top"/>
    </xf>
    <xf numFmtId="0" fontId="19" fillId="0" borderId="13" xfId="0" applyFont="1" applyFill="1" applyBorder="1" applyAlignment="1">
      <alignment horizontal="left" vertical="center" shrinkToFit="1"/>
    </xf>
    <xf numFmtId="0" fontId="19" fillId="0" borderId="14" xfId="0" applyFont="1" applyFill="1" applyBorder="1" applyAlignment="1">
      <alignment vertical="center" shrinkToFit="1"/>
    </xf>
    <xf numFmtId="0" fontId="19" fillId="0" borderId="14" xfId="0" applyFont="1" applyFill="1" applyBorder="1" applyAlignment="1">
      <alignment horizontal="center" vertical="center" shrinkToFit="1"/>
    </xf>
    <xf numFmtId="0" fontId="19" fillId="0" borderId="22" xfId="0" applyFont="1" applyFill="1" applyBorder="1" applyAlignment="1">
      <alignment horizontal="center" vertical="center" shrinkToFit="1"/>
    </xf>
    <xf numFmtId="0" fontId="19" fillId="0" borderId="23" xfId="0" applyFont="1" applyFill="1" applyBorder="1" applyAlignment="1">
      <alignment horizontal="center" vertical="center" shrinkToFit="1"/>
    </xf>
    <xf numFmtId="0" fontId="25" fillId="0" borderId="13" xfId="0" applyFont="1" applyFill="1" applyBorder="1" applyAlignment="1">
      <alignment horizontal="center" vertical="center" shrinkToFit="1"/>
    </xf>
    <xf numFmtId="0" fontId="20" fillId="0" borderId="0" xfId="0" applyFont="1" applyAlignment="1">
      <alignment vertical="center"/>
    </xf>
    <xf numFmtId="0" fontId="27" fillId="0" borderId="0" xfId="0" applyFont="1" applyAlignment="1">
      <alignment vertical="center"/>
    </xf>
    <xf numFmtId="0" fontId="20" fillId="0" borderId="0" xfId="0" applyFont="1" applyAlignment="1">
      <alignment vertical="center" wrapText="1"/>
    </xf>
    <xf numFmtId="0" fontId="20" fillId="0" borderId="0" xfId="0" applyFont="1" applyAlignment="1">
      <alignment vertical="center" shrinkToFit="1"/>
    </xf>
    <xf numFmtId="0" fontId="20" fillId="0" borderId="0" xfId="0" applyFont="1" applyAlignment="1">
      <alignment horizontal="center" vertical="center" shrinkToFit="1"/>
    </xf>
    <xf numFmtId="0" fontId="28" fillId="0" borderId="0" xfId="0" applyFont="1" applyAlignment="1">
      <alignment horizontal="right" vertical="center"/>
    </xf>
    <xf numFmtId="0" fontId="28" fillId="0" borderId="0" xfId="0" applyFont="1" applyBorder="1" applyAlignment="1">
      <alignment horizontal="right" vertical="center"/>
    </xf>
    <xf numFmtId="0" fontId="28" fillId="0" borderId="0" xfId="0" applyFont="1" applyBorder="1" applyAlignment="1">
      <alignment horizontal="right" vertical="center" wrapText="1"/>
    </xf>
    <xf numFmtId="0" fontId="28" fillId="0" borderId="0" xfId="0" applyFont="1" applyBorder="1" applyAlignment="1">
      <alignment horizontal="right" vertical="center" shrinkToFit="1"/>
    </xf>
    <xf numFmtId="0" fontId="29" fillId="0" borderId="0" xfId="0" applyFont="1" applyFill="1" applyAlignment="1">
      <alignment horizontal="center" vertical="center"/>
    </xf>
    <xf numFmtId="0" fontId="29" fillId="33" borderId="15" xfId="0" applyFont="1" applyFill="1" applyBorder="1" applyAlignment="1">
      <alignment horizontal="center" vertical="center"/>
    </xf>
    <xf numFmtId="0" fontId="29" fillId="33" borderId="11" xfId="0" applyFont="1" applyFill="1" applyBorder="1" applyAlignment="1">
      <alignment horizontal="center" vertical="center" wrapText="1"/>
    </xf>
    <xf numFmtId="0" fontId="29" fillId="33" borderId="11" xfId="0" applyFont="1" applyFill="1" applyBorder="1" applyAlignment="1">
      <alignment horizontal="center" vertical="center" shrinkToFit="1"/>
    </xf>
    <xf numFmtId="0" fontId="29" fillId="33" borderId="12" xfId="0" applyFont="1" applyFill="1" applyBorder="1" applyAlignment="1">
      <alignment horizontal="center" vertical="center" shrinkToFit="1"/>
    </xf>
    <xf numFmtId="0" fontId="29" fillId="33" borderId="10" xfId="0" applyFont="1" applyFill="1" applyBorder="1" applyAlignment="1">
      <alignment horizontal="center" vertical="center" shrinkToFit="1"/>
    </xf>
    <xf numFmtId="0" fontId="29" fillId="0" borderId="0" xfId="0" applyFont="1" applyAlignment="1">
      <alignment horizontal="center" vertical="center"/>
    </xf>
    <xf numFmtId="0" fontId="20" fillId="0" borderId="0" xfId="0" applyFont="1" applyFill="1" applyAlignment="1">
      <alignment vertical="center"/>
    </xf>
    <xf numFmtId="0" fontId="20" fillId="0" borderId="25" xfId="0" applyFont="1" applyFill="1" applyBorder="1" applyAlignment="1">
      <alignment vertical="center"/>
    </xf>
    <xf numFmtId="0" fontId="20" fillId="0" borderId="17" xfId="0" applyFont="1" applyFill="1" applyBorder="1" applyAlignment="1">
      <alignment vertical="center" shrinkToFit="1"/>
    </xf>
    <xf numFmtId="0" fontId="20" fillId="0" borderId="26" xfId="0" applyFont="1" applyFill="1" applyBorder="1" applyAlignment="1">
      <alignment vertical="center" shrinkToFit="1"/>
    </xf>
    <xf numFmtId="0" fontId="20" fillId="0" borderId="18" xfId="0" applyFont="1" applyFill="1" applyBorder="1" applyAlignment="1">
      <alignment vertical="center"/>
    </xf>
    <xf numFmtId="0" fontId="20" fillId="0" borderId="13" xfId="0" applyFont="1" applyFill="1" applyBorder="1" applyAlignment="1">
      <alignment vertical="center" shrinkToFit="1"/>
    </xf>
    <xf numFmtId="0" fontId="20" fillId="0" borderId="20" xfId="0" applyFont="1" applyFill="1" applyBorder="1" applyAlignment="1">
      <alignment vertical="center" shrinkToFit="1"/>
    </xf>
    <xf numFmtId="0" fontId="20" fillId="34" borderId="0" xfId="0" applyFont="1" applyFill="1" applyAlignment="1">
      <alignment vertical="center"/>
    </xf>
    <xf numFmtId="0" fontId="20" fillId="0" borderId="21" xfId="0" applyFont="1" applyFill="1" applyBorder="1" applyAlignment="1">
      <alignment vertical="center"/>
    </xf>
    <xf numFmtId="0" fontId="20" fillId="0" borderId="14" xfId="0" applyFont="1" applyFill="1" applyBorder="1" applyAlignment="1">
      <alignment horizontal="center" vertical="center" wrapText="1"/>
    </xf>
    <xf numFmtId="0" fontId="20" fillId="0" borderId="14" xfId="0" applyFont="1" applyFill="1" applyBorder="1" applyAlignment="1">
      <alignment vertical="center" shrinkToFit="1"/>
    </xf>
    <xf numFmtId="0" fontId="20" fillId="0" borderId="23" xfId="0" applyFont="1" applyFill="1" applyBorder="1" applyAlignment="1">
      <alignment vertical="center" shrinkToFit="1"/>
    </xf>
    <xf numFmtId="0" fontId="29" fillId="0" borderId="15" xfId="0" applyFont="1" applyFill="1" applyBorder="1" applyAlignment="1">
      <alignment horizontal="right" vertical="center"/>
    </xf>
    <xf numFmtId="0" fontId="29" fillId="0" borderId="11" xfId="0" applyFont="1" applyFill="1" applyBorder="1" applyAlignment="1">
      <alignment horizontal="center" vertical="center" wrapText="1"/>
    </xf>
    <xf numFmtId="0" fontId="29" fillId="0" borderId="11" xfId="0" applyFont="1" applyFill="1" applyBorder="1" applyAlignment="1">
      <alignment horizontal="center" vertical="center" shrinkToFit="1"/>
    </xf>
    <xf numFmtId="0" fontId="29" fillId="0" borderId="24" xfId="0" applyFont="1" applyFill="1" applyBorder="1" applyAlignment="1">
      <alignment horizontal="right" vertical="center" shrinkToFit="1"/>
    </xf>
    <xf numFmtId="0" fontId="29" fillId="0" borderId="10" xfId="0" applyFont="1" applyFill="1" applyBorder="1" applyAlignment="1">
      <alignment horizontal="right" vertical="center" shrinkToFit="1"/>
    </xf>
    <xf numFmtId="0" fontId="29" fillId="0" borderId="12" xfId="0" applyFont="1" applyFill="1" applyBorder="1" applyAlignment="1">
      <alignment horizontal="right" vertical="center" shrinkToFit="1"/>
    </xf>
    <xf numFmtId="0" fontId="30" fillId="0" borderId="0" xfId="0" applyFont="1" applyAlignment="1">
      <alignment vertical="center"/>
    </xf>
    <xf numFmtId="0" fontId="28" fillId="0" borderId="0" xfId="0" applyFont="1" applyFill="1" applyBorder="1" applyAlignment="1">
      <alignment horizontal="right" vertical="center" shrinkToFit="1"/>
    </xf>
    <xf numFmtId="0" fontId="20" fillId="0" borderId="13" xfId="0" applyFont="1" applyFill="1" applyBorder="1" applyAlignment="1">
      <alignment horizontal="center" vertical="center" wrapText="1"/>
    </xf>
    <xf numFmtId="0" fontId="20" fillId="0" borderId="17" xfId="0" applyFont="1" applyFill="1" applyBorder="1" applyAlignment="1">
      <alignment horizontal="center" vertical="center" wrapText="1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ハイパーリンク" xfId="42" builtinId="8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D69"/>
  <sheetViews>
    <sheetView tabSelected="1" view="pageBreakPreview" zoomScale="102" zoomScaleNormal="100" zoomScaleSheetLayoutView="102" zoomScalePageLayoutView="55" workbookViewId="0">
      <pane xSplit="8" ySplit="3" topLeftCell="I4" activePane="bottomRight" state="frozen"/>
      <selection pane="topRight" activeCell="I1" sqref="I1"/>
      <selection pane="bottomLeft" activeCell="A4" sqref="A4"/>
      <selection pane="bottomRight"/>
    </sheetView>
  </sheetViews>
  <sheetFormatPr defaultColWidth="9" defaultRowHeight="14" x14ac:dyDescent="0.2"/>
  <cols>
    <col min="1" max="1" width="2.1640625" style="21" customWidth="1"/>
    <col min="2" max="2" width="5.08203125" style="21" customWidth="1"/>
    <col min="3" max="3" width="7.58203125" style="23" customWidth="1"/>
    <col min="4" max="4" width="17.6640625" style="24" hidden="1" customWidth="1"/>
    <col min="5" max="5" width="22.58203125" style="24" customWidth="1"/>
    <col min="6" max="6" width="9.58203125" style="24" hidden="1" customWidth="1"/>
    <col min="7" max="7" width="33.58203125" style="24" hidden="1" customWidth="1"/>
    <col min="8" max="8" width="8.1640625" style="24" customWidth="1"/>
    <col min="9" max="27" width="8.58203125" style="25" customWidth="1"/>
    <col min="28" max="16384" width="9" style="21"/>
  </cols>
  <sheetData>
    <row r="1" spans="1:30" ht="15.75" customHeight="1" x14ac:dyDescent="0.2">
      <c r="B1" s="22" t="s">
        <v>257</v>
      </c>
    </row>
    <row r="2" spans="1:30" s="26" customFormat="1" ht="7.5" customHeight="1" thickBot="1" x14ac:dyDescent="0.25">
      <c r="B2" s="27"/>
      <c r="C2" s="28"/>
      <c r="D2" s="29"/>
      <c r="E2" s="29"/>
      <c r="F2" s="29"/>
      <c r="G2" s="29"/>
      <c r="H2" s="29"/>
      <c r="I2" s="56">
        <v>1</v>
      </c>
      <c r="J2" s="56">
        <v>2</v>
      </c>
      <c r="K2" s="56">
        <v>3</v>
      </c>
      <c r="L2" s="56">
        <v>4</v>
      </c>
      <c r="M2" s="56">
        <v>5</v>
      </c>
      <c r="N2" s="56">
        <v>6</v>
      </c>
      <c r="O2" s="56">
        <v>7</v>
      </c>
      <c r="P2" s="56">
        <v>8</v>
      </c>
      <c r="Q2" s="56">
        <v>9</v>
      </c>
      <c r="R2" s="56">
        <v>10</v>
      </c>
      <c r="S2" s="56">
        <v>11</v>
      </c>
      <c r="T2" s="56">
        <v>12</v>
      </c>
      <c r="U2" s="56">
        <v>13</v>
      </c>
      <c r="V2" s="56">
        <v>14</v>
      </c>
      <c r="W2" s="56">
        <v>15</v>
      </c>
      <c r="X2" s="56">
        <v>16</v>
      </c>
      <c r="Y2" s="56">
        <v>17</v>
      </c>
      <c r="Z2" s="56">
        <v>18</v>
      </c>
      <c r="AA2" s="56">
        <v>19</v>
      </c>
    </row>
    <row r="3" spans="1:30" s="36" customFormat="1" ht="18.75" customHeight="1" thickBot="1" x14ac:dyDescent="0.25">
      <c r="A3" s="30"/>
      <c r="B3" s="31" t="s">
        <v>250</v>
      </c>
      <c r="C3" s="32" t="s">
        <v>81</v>
      </c>
      <c r="D3" s="33" t="s">
        <v>251</v>
      </c>
      <c r="E3" s="1" t="s">
        <v>19</v>
      </c>
      <c r="F3" s="1" t="s">
        <v>82</v>
      </c>
      <c r="G3" s="1" t="s">
        <v>83</v>
      </c>
      <c r="H3" s="34" t="s">
        <v>84</v>
      </c>
      <c r="I3" s="35" t="s">
        <v>0</v>
      </c>
      <c r="J3" s="33" t="s">
        <v>1</v>
      </c>
      <c r="K3" s="33" t="s">
        <v>2</v>
      </c>
      <c r="L3" s="33" t="s">
        <v>3</v>
      </c>
      <c r="M3" s="33" t="s">
        <v>4</v>
      </c>
      <c r="N3" s="33" t="s">
        <v>5</v>
      </c>
      <c r="O3" s="33" t="s">
        <v>6</v>
      </c>
      <c r="P3" s="33" t="s">
        <v>7</v>
      </c>
      <c r="Q3" s="33" t="s">
        <v>8</v>
      </c>
      <c r="R3" s="33" t="s">
        <v>9</v>
      </c>
      <c r="S3" s="33" t="s">
        <v>10</v>
      </c>
      <c r="T3" s="33" t="s">
        <v>11</v>
      </c>
      <c r="U3" s="33" t="s">
        <v>12</v>
      </c>
      <c r="V3" s="33" t="s">
        <v>13</v>
      </c>
      <c r="W3" s="33" t="s">
        <v>14</v>
      </c>
      <c r="X3" s="33" t="s">
        <v>15</v>
      </c>
      <c r="Y3" s="33" t="s">
        <v>16</v>
      </c>
      <c r="Z3" s="33" t="s">
        <v>85</v>
      </c>
      <c r="AA3" s="34" t="s">
        <v>17</v>
      </c>
      <c r="AB3" s="30"/>
      <c r="AC3" s="30"/>
      <c r="AD3" s="30"/>
    </row>
    <row r="4" spans="1:30" ht="15" customHeight="1" x14ac:dyDescent="0.2">
      <c r="A4" s="37"/>
      <c r="B4" s="38">
        <v>1</v>
      </c>
      <c r="C4" s="58" t="s">
        <v>86</v>
      </c>
      <c r="D4" s="39" t="s">
        <v>87</v>
      </c>
      <c r="E4" s="4" t="s">
        <v>20</v>
      </c>
      <c r="F4" s="5" t="s">
        <v>88</v>
      </c>
      <c r="G4" s="4" t="s">
        <v>89</v>
      </c>
      <c r="H4" s="40">
        <f t="shared" ref="H4:H67" si="0">COUNTA(I4:AA4)</f>
        <v>4</v>
      </c>
      <c r="I4" s="6" t="s">
        <v>90</v>
      </c>
      <c r="J4" s="5" t="s">
        <v>90</v>
      </c>
      <c r="K4" s="5"/>
      <c r="L4" s="5"/>
      <c r="M4" s="5"/>
      <c r="N4" s="5" t="s">
        <v>90</v>
      </c>
      <c r="O4" s="5"/>
      <c r="P4" s="5"/>
      <c r="Q4" s="5"/>
      <c r="R4" s="5"/>
      <c r="S4" s="5"/>
      <c r="T4" s="5"/>
      <c r="U4" s="5"/>
      <c r="V4" s="5"/>
      <c r="W4" s="5"/>
      <c r="X4" s="5" t="s">
        <v>90</v>
      </c>
      <c r="Y4" s="5"/>
      <c r="Z4" s="5"/>
      <c r="AA4" s="7"/>
      <c r="AB4" s="37"/>
      <c r="AC4" s="37"/>
      <c r="AD4" s="37"/>
    </row>
    <row r="5" spans="1:30" ht="15.65" customHeight="1" x14ac:dyDescent="0.2">
      <c r="A5" s="37"/>
      <c r="B5" s="41">
        <v>2</v>
      </c>
      <c r="C5" s="57"/>
      <c r="D5" s="42" t="s">
        <v>91</v>
      </c>
      <c r="E5" s="8" t="s">
        <v>21</v>
      </c>
      <c r="F5" s="3" t="s">
        <v>92</v>
      </c>
      <c r="G5" s="8" t="s">
        <v>93</v>
      </c>
      <c r="H5" s="43">
        <f t="shared" si="0"/>
        <v>3</v>
      </c>
      <c r="I5" s="9" t="s">
        <v>90</v>
      </c>
      <c r="J5" s="3"/>
      <c r="K5" s="3"/>
      <c r="L5" s="3"/>
      <c r="M5" s="3"/>
      <c r="N5" s="3"/>
      <c r="O5" s="3"/>
      <c r="P5" s="3" t="s">
        <v>90</v>
      </c>
      <c r="Q5" s="3"/>
      <c r="R5" s="3"/>
      <c r="S5" s="3"/>
      <c r="T5" s="3"/>
      <c r="U5" s="3"/>
      <c r="V5" s="3"/>
      <c r="W5" s="3"/>
      <c r="X5" s="3"/>
      <c r="Y5" s="3" t="s">
        <v>90</v>
      </c>
      <c r="Z5" s="20"/>
      <c r="AA5" s="2"/>
      <c r="AB5" s="37"/>
      <c r="AC5" s="37"/>
      <c r="AD5" s="37"/>
    </row>
    <row r="6" spans="1:30" ht="15.65" customHeight="1" x14ac:dyDescent="0.2">
      <c r="A6" s="37"/>
      <c r="B6" s="41">
        <v>3</v>
      </c>
      <c r="C6" s="57"/>
      <c r="D6" s="42"/>
      <c r="E6" s="8" t="s">
        <v>261</v>
      </c>
      <c r="F6" s="3"/>
      <c r="G6" s="8"/>
      <c r="H6" s="43">
        <f t="shared" si="0"/>
        <v>1</v>
      </c>
      <c r="I6" s="9"/>
      <c r="J6" s="3"/>
      <c r="K6" s="3"/>
      <c r="L6" s="3"/>
      <c r="M6" s="3"/>
      <c r="N6" s="3"/>
      <c r="O6" s="3"/>
      <c r="P6" s="3"/>
      <c r="Q6" s="3"/>
      <c r="R6" s="3"/>
      <c r="S6" s="3"/>
      <c r="T6" s="3"/>
      <c r="U6" s="3"/>
      <c r="V6" s="3"/>
      <c r="W6" s="3"/>
      <c r="X6" s="3"/>
      <c r="Y6" s="3"/>
      <c r="Z6" s="20" t="s">
        <v>255</v>
      </c>
      <c r="AA6" s="2"/>
      <c r="AB6" s="37" t="s">
        <v>260</v>
      </c>
      <c r="AC6" s="37"/>
      <c r="AD6" s="37"/>
    </row>
    <row r="7" spans="1:30" ht="15" customHeight="1" x14ac:dyDescent="0.2">
      <c r="A7" s="37"/>
      <c r="B7" s="41">
        <v>4</v>
      </c>
      <c r="C7" s="57"/>
      <c r="D7" s="42" t="s">
        <v>94</v>
      </c>
      <c r="E7" s="8" t="s">
        <v>22</v>
      </c>
      <c r="F7" s="3" t="s">
        <v>95</v>
      </c>
      <c r="G7" s="8" t="s">
        <v>96</v>
      </c>
      <c r="H7" s="43">
        <f t="shared" si="0"/>
        <v>7</v>
      </c>
      <c r="I7" s="9" t="s">
        <v>90</v>
      </c>
      <c r="J7" s="3" t="s">
        <v>90</v>
      </c>
      <c r="K7" s="3"/>
      <c r="L7" s="3" t="s">
        <v>90</v>
      </c>
      <c r="M7" s="3" t="s">
        <v>90</v>
      </c>
      <c r="N7" s="3"/>
      <c r="O7" s="3" t="s">
        <v>90</v>
      </c>
      <c r="P7" s="3"/>
      <c r="Q7" s="3"/>
      <c r="R7" s="3"/>
      <c r="S7" s="3"/>
      <c r="T7" s="3" t="s">
        <v>90</v>
      </c>
      <c r="U7" s="3" t="s">
        <v>90</v>
      </c>
      <c r="V7" s="3"/>
      <c r="W7" s="3"/>
      <c r="X7" s="3"/>
      <c r="Y7" s="3"/>
      <c r="Z7" s="3"/>
      <c r="AA7" s="2"/>
      <c r="AB7" s="37"/>
      <c r="AC7" s="37"/>
      <c r="AD7" s="37"/>
    </row>
    <row r="8" spans="1:30" s="44" customFormat="1" ht="15" customHeight="1" x14ac:dyDescent="0.2">
      <c r="A8" s="37"/>
      <c r="B8" s="41">
        <v>5</v>
      </c>
      <c r="C8" s="57"/>
      <c r="D8" s="42" t="s">
        <v>97</v>
      </c>
      <c r="E8" s="8" t="s">
        <v>23</v>
      </c>
      <c r="F8" s="3" t="s">
        <v>98</v>
      </c>
      <c r="G8" s="8" t="s">
        <v>99</v>
      </c>
      <c r="H8" s="43">
        <f t="shared" si="0"/>
        <v>7</v>
      </c>
      <c r="I8" s="9" t="s">
        <v>90</v>
      </c>
      <c r="J8" s="3" t="s">
        <v>90</v>
      </c>
      <c r="K8" s="3"/>
      <c r="L8" s="3" t="s">
        <v>90</v>
      </c>
      <c r="M8" s="3" t="s">
        <v>90</v>
      </c>
      <c r="N8" s="3"/>
      <c r="O8" s="3"/>
      <c r="P8" s="3"/>
      <c r="Q8" s="3"/>
      <c r="R8" s="3"/>
      <c r="S8" s="3"/>
      <c r="T8" s="3"/>
      <c r="U8" s="3" t="s">
        <v>90</v>
      </c>
      <c r="V8" s="3"/>
      <c r="W8" s="3"/>
      <c r="X8" s="3" t="s">
        <v>90</v>
      </c>
      <c r="Y8" s="3"/>
      <c r="Z8" s="3"/>
      <c r="AA8" s="2" t="s">
        <v>18</v>
      </c>
      <c r="AB8" s="37"/>
      <c r="AC8" s="37"/>
      <c r="AD8" s="37"/>
    </row>
    <row r="9" spans="1:30" ht="16.5" x14ac:dyDescent="0.2">
      <c r="A9" s="37"/>
      <c r="B9" s="41">
        <v>6</v>
      </c>
      <c r="C9" s="57"/>
      <c r="D9" s="42" t="s">
        <v>100</v>
      </c>
      <c r="E9" s="8" t="s">
        <v>24</v>
      </c>
      <c r="F9" s="3" t="s">
        <v>101</v>
      </c>
      <c r="G9" s="8" t="s">
        <v>102</v>
      </c>
      <c r="H9" s="43">
        <f t="shared" si="0"/>
        <v>2</v>
      </c>
      <c r="I9" s="20" t="s">
        <v>255</v>
      </c>
      <c r="J9" s="3"/>
      <c r="K9" s="3"/>
      <c r="L9" s="3"/>
      <c r="M9" s="3"/>
      <c r="N9" s="3"/>
      <c r="O9" s="3"/>
      <c r="P9" s="3"/>
      <c r="Q9" s="3"/>
      <c r="R9" s="3"/>
      <c r="S9" s="3"/>
      <c r="T9" s="3"/>
      <c r="U9" s="3"/>
      <c r="V9" s="3"/>
      <c r="W9" s="3"/>
      <c r="X9" s="3"/>
      <c r="Y9" s="3"/>
      <c r="Z9" s="3"/>
      <c r="AA9" s="2" t="s">
        <v>90</v>
      </c>
      <c r="AB9" s="37"/>
      <c r="AC9" s="37"/>
      <c r="AD9" s="37"/>
    </row>
    <row r="10" spans="1:30" ht="15" customHeight="1" x14ac:dyDescent="0.2">
      <c r="A10" s="37"/>
      <c r="B10" s="41">
        <v>7</v>
      </c>
      <c r="C10" s="57" t="s">
        <v>103</v>
      </c>
      <c r="D10" s="42" t="s">
        <v>104</v>
      </c>
      <c r="E10" s="8" t="s">
        <v>25</v>
      </c>
      <c r="F10" s="3" t="s">
        <v>105</v>
      </c>
      <c r="G10" s="8" t="s">
        <v>106</v>
      </c>
      <c r="H10" s="43">
        <f t="shared" si="0"/>
        <v>1</v>
      </c>
      <c r="I10" s="9" t="s">
        <v>90</v>
      </c>
      <c r="J10" s="3"/>
      <c r="K10" s="3"/>
      <c r="L10" s="3"/>
      <c r="M10" s="3"/>
      <c r="N10" s="3"/>
      <c r="O10" s="3"/>
      <c r="P10" s="3"/>
      <c r="Q10" s="3"/>
      <c r="R10" s="3"/>
      <c r="S10" s="3"/>
      <c r="T10" s="3"/>
      <c r="U10" s="3"/>
      <c r="V10" s="3"/>
      <c r="W10" s="3"/>
      <c r="X10" s="3"/>
      <c r="Y10" s="3"/>
      <c r="Z10" s="3"/>
      <c r="AA10" s="2"/>
      <c r="AB10" s="37"/>
      <c r="AC10" s="37"/>
      <c r="AD10" s="37"/>
    </row>
    <row r="11" spans="1:30" ht="15" customHeight="1" x14ac:dyDescent="0.2">
      <c r="A11" s="37"/>
      <c r="B11" s="41">
        <v>8</v>
      </c>
      <c r="C11" s="57"/>
      <c r="D11" s="42" t="s">
        <v>80</v>
      </c>
      <c r="E11" s="8" t="s">
        <v>26</v>
      </c>
      <c r="F11" s="3" t="s">
        <v>107</v>
      </c>
      <c r="G11" s="8" t="s">
        <v>108</v>
      </c>
      <c r="H11" s="43">
        <f t="shared" si="0"/>
        <v>4</v>
      </c>
      <c r="I11" s="9" t="s">
        <v>90</v>
      </c>
      <c r="J11" s="3"/>
      <c r="K11" s="3"/>
      <c r="L11" s="3"/>
      <c r="M11" s="3" t="s">
        <v>90</v>
      </c>
      <c r="N11" s="3"/>
      <c r="O11" s="3"/>
      <c r="P11" s="3"/>
      <c r="Q11" s="3"/>
      <c r="R11" s="3"/>
      <c r="S11" s="3"/>
      <c r="T11" s="3"/>
      <c r="U11" s="3"/>
      <c r="V11" s="3"/>
      <c r="W11" s="3"/>
      <c r="X11" s="3" t="s">
        <v>90</v>
      </c>
      <c r="Y11" s="3"/>
      <c r="Z11" s="3"/>
      <c r="AA11" s="2" t="s">
        <v>90</v>
      </c>
      <c r="AB11" s="37"/>
      <c r="AC11" s="37"/>
      <c r="AD11" s="37"/>
    </row>
    <row r="12" spans="1:30" ht="15" customHeight="1" x14ac:dyDescent="0.2">
      <c r="A12" s="37"/>
      <c r="B12" s="41">
        <v>9</v>
      </c>
      <c r="C12" s="57"/>
      <c r="D12" s="42" t="s">
        <v>109</v>
      </c>
      <c r="E12" s="8" t="s">
        <v>27</v>
      </c>
      <c r="F12" s="3" t="s">
        <v>110</v>
      </c>
      <c r="G12" s="8" t="s">
        <v>111</v>
      </c>
      <c r="H12" s="43">
        <f t="shared" si="0"/>
        <v>2</v>
      </c>
      <c r="I12" s="9" t="s">
        <v>90</v>
      </c>
      <c r="J12" s="3"/>
      <c r="K12" s="3"/>
      <c r="L12" s="3"/>
      <c r="M12" s="3"/>
      <c r="N12" s="3"/>
      <c r="O12" s="3"/>
      <c r="P12" s="3"/>
      <c r="Q12" s="3"/>
      <c r="R12" s="3"/>
      <c r="S12" s="3"/>
      <c r="T12" s="3"/>
      <c r="U12" s="3" t="s">
        <v>90</v>
      </c>
      <c r="V12" s="3"/>
      <c r="W12" s="3"/>
      <c r="X12" s="3"/>
      <c r="Y12" s="3"/>
      <c r="Z12" s="3"/>
      <c r="AA12" s="2"/>
      <c r="AB12" s="37"/>
      <c r="AC12" s="37"/>
      <c r="AD12" s="37"/>
    </row>
    <row r="13" spans="1:30" ht="15" customHeight="1" x14ac:dyDescent="0.2">
      <c r="A13" s="37"/>
      <c r="B13" s="41">
        <v>10</v>
      </c>
      <c r="C13" s="57"/>
      <c r="D13" s="42" t="s">
        <v>112</v>
      </c>
      <c r="E13" s="8" t="s">
        <v>28</v>
      </c>
      <c r="F13" s="3" t="s">
        <v>113</v>
      </c>
      <c r="G13" s="8" t="s">
        <v>114</v>
      </c>
      <c r="H13" s="43">
        <f t="shared" si="0"/>
        <v>4</v>
      </c>
      <c r="I13" s="9" t="s">
        <v>90</v>
      </c>
      <c r="J13" s="3" t="s">
        <v>90</v>
      </c>
      <c r="K13" s="3"/>
      <c r="L13" s="3"/>
      <c r="M13" s="3" t="s">
        <v>90</v>
      </c>
      <c r="N13" s="3"/>
      <c r="O13" s="3"/>
      <c r="P13" s="3"/>
      <c r="Q13" s="3"/>
      <c r="R13" s="3"/>
      <c r="S13" s="3"/>
      <c r="T13" s="3"/>
      <c r="U13" s="3"/>
      <c r="V13" s="3"/>
      <c r="W13" s="3"/>
      <c r="X13" s="3" t="s">
        <v>90</v>
      </c>
      <c r="Y13" s="3"/>
      <c r="Z13" s="3"/>
      <c r="AA13" s="2"/>
      <c r="AB13" s="37"/>
      <c r="AC13" s="37"/>
      <c r="AD13" s="37"/>
    </row>
    <row r="14" spans="1:30" ht="15" customHeight="1" x14ac:dyDescent="0.2">
      <c r="A14" s="37"/>
      <c r="B14" s="41">
        <v>11</v>
      </c>
      <c r="C14" s="57"/>
      <c r="D14" s="42" t="s">
        <v>115</v>
      </c>
      <c r="E14" s="8" t="s">
        <v>29</v>
      </c>
      <c r="F14" s="10" t="s">
        <v>116</v>
      </c>
      <c r="G14" s="11" t="s">
        <v>117</v>
      </c>
      <c r="H14" s="43">
        <f t="shared" si="0"/>
        <v>2</v>
      </c>
      <c r="I14" s="9"/>
      <c r="J14" s="3"/>
      <c r="K14" s="3"/>
      <c r="L14" s="3"/>
      <c r="M14" s="3"/>
      <c r="N14" s="3"/>
      <c r="O14" s="3"/>
      <c r="P14" s="3"/>
      <c r="Q14" s="3"/>
      <c r="R14" s="3"/>
      <c r="S14" s="3"/>
      <c r="T14" s="3" t="s">
        <v>90</v>
      </c>
      <c r="U14" s="3" t="s">
        <v>90</v>
      </c>
      <c r="V14" s="3"/>
      <c r="W14" s="3"/>
      <c r="X14" s="3"/>
      <c r="Y14" s="3"/>
      <c r="Z14" s="3"/>
      <c r="AA14" s="2"/>
      <c r="AB14" s="37"/>
      <c r="AC14" s="37"/>
      <c r="AD14" s="37"/>
    </row>
    <row r="15" spans="1:30" ht="15" customHeight="1" x14ac:dyDescent="0.2">
      <c r="A15" s="37"/>
      <c r="B15" s="41">
        <v>12</v>
      </c>
      <c r="C15" s="57"/>
      <c r="D15" s="42" t="s">
        <v>118</v>
      </c>
      <c r="E15" s="8" t="s">
        <v>30</v>
      </c>
      <c r="F15" s="10" t="s">
        <v>119</v>
      </c>
      <c r="G15" s="11" t="s">
        <v>120</v>
      </c>
      <c r="H15" s="43">
        <f t="shared" si="0"/>
        <v>1</v>
      </c>
      <c r="I15" s="9"/>
      <c r="J15" s="3"/>
      <c r="K15" s="3"/>
      <c r="L15" s="3"/>
      <c r="M15" s="3"/>
      <c r="N15" s="3"/>
      <c r="O15" s="3"/>
      <c r="P15" s="3"/>
      <c r="Q15" s="3"/>
      <c r="R15" s="3"/>
      <c r="S15" s="3"/>
      <c r="T15" s="3"/>
      <c r="U15" s="3"/>
      <c r="V15" s="3"/>
      <c r="W15" s="3"/>
      <c r="X15" s="3"/>
      <c r="Y15" s="3"/>
      <c r="Z15" s="3"/>
      <c r="AA15" s="2" t="s">
        <v>90</v>
      </c>
      <c r="AB15" s="37"/>
      <c r="AC15" s="37"/>
      <c r="AD15" s="37"/>
    </row>
    <row r="16" spans="1:30" ht="15" customHeight="1" x14ac:dyDescent="0.2">
      <c r="A16" s="37"/>
      <c r="B16" s="41">
        <v>13</v>
      </c>
      <c r="C16" s="57"/>
      <c r="D16" s="42"/>
      <c r="E16" s="8" t="s">
        <v>31</v>
      </c>
      <c r="F16" s="10"/>
      <c r="G16" s="11"/>
      <c r="H16" s="43">
        <f t="shared" si="0"/>
        <v>1</v>
      </c>
      <c r="I16" s="9" t="s">
        <v>90</v>
      </c>
      <c r="J16" s="3"/>
      <c r="K16" s="3"/>
      <c r="L16" s="3"/>
      <c r="M16" s="3"/>
      <c r="N16" s="3"/>
      <c r="O16" s="3"/>
      <c r="P16" s="3"/>
      <c r="Q16" s="3"/>
      <c r="R16" s="3"/>
      <c r="S16" s="3"/>
      <c r="T16" s="3"/>
      <c r="U16" s="3"/>
      <c r="V16" s="3"/>
      <c r="W16" s="3"/>
      <c r="X16" s="3"/>
      <c r="Y16" s="3"/>
      <c r="Z16" s="3"/>
      <c r="AA16" s="2"/>
      <c r="AB16" s="37"/>
      <c r="AC16" s="37"/>
      <c r="AD16" s="37"/>
    </row>
    <row r="17" spans="1:30" s="37" customFormat="1" ht="15" customHeight="1" x14ac:dyDescent="0.2">
      <c r="B17" s="41">
        <v>14</v>
      </c>
      <c r="C17" s="57"/>
      <c r="D17" s="42"/>
      <c r="E17" s="8" t="s">
        <v>259</v>
      </c>
      <c r="F17" s="10"/>
      <c r="G17" s="11"/>
      <c r="H17" s="43">
        <f t="shared" ref="H17" si="1">COUNTA(I17:AA17)</f>
        <v>1</v>
      </c>
      <c r="I17" s="3"/>
      <c r="J17" s="3"/>
      <c r="K17" s="3"/>
      <c r="L17" s="3"/>
      <c r="M17" s="3"/>
      <c r="N17" s="3"/>
      <c r="O17" s="3"/>
      <c r="P17" s="3"/>
      <c r="Q17" s="3"/>
      <c r="R17" s="3"/>
      <c r="S17" s="3"/>
      <c r="T17" s="3"/>
      <c r="U17" s="3"/>
      <c r="V17" s="3"/>
      <c r="W17" s="3"/>
      <c r="X17" s="3"/>
      <c r="Y17" s="3"/>
      <c r="Z17" s="3"/>
      <c r="AA17" s="20" t="s">
        <v>255</v>
      </c>
      <c r="AB17" s="37" t="s">
        <v>260</v>
      </c>
    </row>
    <row r="18" spans="1:30" ht="15" customHeight="1" x14ac:dyDescent="0.2">
      <c r="A18" s="37"/>
      <c r="B18" s="41">
        <v>15</v>
      </c>
      <c r="C18" s="57"/>
      <c r="D18" s="42"/>
      <c r="E18" s="8" t="s">
        <v>256</v>
      </c>
      <c r="F18" s="10"/>
      <c r="G18" s="11"/>
      <c r="H18" s="43">
        <f t="shared" si="0"/>
        <v>1</v>
      </c>
      <c r="I18" s="3" t="s">
        <v>90</v>
      </c>
      <c r="J18" s="3"/>
      <c r="K18" s="3"/>
      <c r="L18" s="3"/>
      <c r="M18" s="3"/>
      <c r="N18" s="3"/>
      <c r="O18" s="3"/>
      <c r="P18" s="3"/>
      <c r="Q18" s="3"/>
      <c r="R18" s="3"/>
      <c r="S18" s="3"/>
      <c r="T18" s="3"/>
      <c r="U18" s="3"/>
      <c r="V18" s="3"/>
      <c r="W18" s="3"/>
      <c r="X18" s="3"/>
      <c r="Y18" s="3"/>
      <c r="Z18" s="3"/>
      <c r="AA18" s="2"/>
      <c r="AB18" s="37"/>
      <c r="AC18" s="37"/>
      <c r="AD18" s="37"/>
    </row>
    <row r="19" spans="1:30" ht="15" customHeight="1" x14ac:dyDescent="0.2">
      <c r="A19" s="37"/>
      <c r="B19" s="41">
        <v>16</v>
      </c>
      <c r="C19" s="57" t="s">
        <v>121</v>
      </c>
      <c r="D19" s="42" t="s">
        <v>122</v>
      </c>
      <c r="E19" s="8" t="s">
        <v>32</v>
      </c>
      <c r="F19" s="3" t="s">
        <v>123</v>
      </c>
      <c r="G19" s="8" t="s">
        <v>124</v>
      </c>
      <c r="H19" s="43">
        <f t="shared" si="0"/>
        <v>6</v>
      </c>
      <c r="I19" s="9" t="s">
        <v>90</v>
      </c>
      <c r="J19" s="3"/>
      <c r="K19" s="3"/>
      <c r="L19" s="3" t="s">
        <v>90</v>
      </c>
      <c r="M19" s="3" t="s">
        <v>90</v>
      </c>
      <c r="N19" s="3" t="s">
        <v>90</v>
      </c>
      <c r="O19" s="3"/>
      <c r="P19" s="3"/>
      <c r="Q19" s="3"/>
      <c r="R19" s="3"/>
      <c r="S19" s="3"/>
      <c r="T19" s="3"/>
      <c r="U19" s="3" t="s">
        <v>90</v>
      </c>
      <c r="V19" s="3"/>
      <c r="W19" s="3"/>
      <c r="X19" s="3" t="s">
        <v>90</v>
      </c>
      <c r="Y19" s="3"/>
      <c r="Z19" s="3"/>
      <c r="AA19" s="2"/>
      <c r="AB19" s="37"/>
      <c r="AC19" s="37"/>
      <c r="AD19" s="37"/>
    </row>
    <row r="20" spans="1:30" ht="15" customHeight="1" x14ac:dyDescent="0.2">
      <c r="A20" s="37"/>
      <c r="B20" s="41">
        <v>17</v>
      </c>
      <c r="C20" s="57"/>
      <c r="D20" s="42" t="s">
        <v>125</v>
      </c>
      <c r="E20" s="8" t="s">
        <v>33</v>
      </c>
      <c r="F20" s="3" t="s">
        <v>126</v>
      </c>
      <c r="G20" s="8" t="s">
        <v>127</v>
      </c>
      <c r="H20" s="43">
        <f t="shared" si="0"/>
        <v>1</v>
      </c>
      <c r="I20" s="9" t="s">
        <v>90</v>
      </c>
      <c r="J20" s="3"/>
      <c r="K20" s="3"/>
      <c r="L20" s="3"/>
      <c r="M20" s="3"/>
      <c r="N20" s="3"/>
      <c r="O20" s="3"/>
      <c r="P20" s="3"/>
      <c r="Q20" s="3"/>
      <c r="R20" s="3"/>
      <c r="S20" s="3"/>
      <c r="T20" s="3"/>
      <c r="U20" s="3"/>
      <c r="V20" s="3"/>
      <c r="W20" s="3"/>
      <c r="X20" s="3"/>
      <c r="Y20" s="3"/>
      <c r="Z20" s="3"/>
      <c r="AA20" s="2"/>
      <c r="AB20" s="37"/>
      <c r="AC20" s="37"/>
      <c r="AD20" s="37"/>
    </row>
    <row r="21" spans="1:30" s="44" customFormat="1" ht="15" customHeight="1" x14ac:dyDescent="0.2">
      <c r="A21" s="37"/>
      <c r="B21" s="41">
        <v>18</v>
      </c>
      <c r="C21" s="57"/>
      <c r="D21" s="42" t="s">
        <v>128</v>
      </c>
      <c r="E21" s="8" t="s">
        <v>34</v>
      </c>
      <c r="F21" s="3" t="s">
        <v>107</v>
      </c>
      <c r="G21" s="8" t="s">
        <v>108</v>
      </c>
      <c r="H21" s="43">
        <f t="shared" si="0"/>
        <v>11</v>
      </c>
      <c r="I21" s="9" t="s">
        <v>90</v>
      </c>
      <c r="J21" s="3"/>
      <c r="K21" s="3"/>
      <c r="L21" s="3" t="s">
        <v>90</v>
      </c>
      <c r="M21" s="3" t="s">
        <v>90</v>
      </c>
      <c r="N21" s="3" t="s">
        <v>90</v>
      </c>
      <c r="O21" s="3" t="s">
        <v>90</v>
      </c>
      <c r="P21" s="3" t="s">
        <v>90</v>
      </c>
      <c r="Q21" s="3"/>
      <c r="R21" s="3" t="s">
        <v>90</v>
      </c>
      <c r="S21" s="3"/>
      <c r="T21" s="3"/>
      <c r="U21" s="3" t="s">
        <v>90</v>
      </c>
      <c r="V21" s="3"/>
      <c r="W21" s="3" t="s">
        <v>90</v>
      </c>
      <c r="X21" s="3" t="s">
        <v>90</v>
      </c>
      <c r="Y21" s="3" t="s">
        <v>90</v>
      </c>
      <c r="Z21" s="3"/>
      <c r="AA21" s="2"/>
      <c r="AB21" s="37"/>
      <c r="AC21" s="37"/>
      <c r="AD21" s="37"/>
    </row>
    <row r="22" spans="1:30" ht="15" customHeight="1" x14ac:dyDescent="0.2">
      <c r="A22" s="37"/>
      <c r="B22" s="41">
        <v>19</v>
      </c>
      <c r="C22" s="57"/>
      <c r="D22" s="42" t="s">
        <v>129</v>
      </c>
      <c r="E22" s="8" t="s">
        <v>35</v>
      </c>
      <c r="F22" s="3" t="s">
        <v>130</v>
      </c>
      <c r="G22" s="8" t="s">
        <v>131</v>
      </c>
      <c r="H22" s="43">
        <f t="shared" si="0"/>
        <v>1</v>
      </c>
      <c r="I22" s="9" t="s">
        <v>90</v>
      </c>
      <c r="J22" s="3"/>
      <c r="K22" s="3"/>
      <c r="L22" s="3"/>
      <c r="M22" s="3"/>
      <c r="N22" s="3"/>
      <c r="O22" s="3"/>
      <c r="P22" s="3"/>
      <c r="Q22" s="3"/>
      <c r="R22" s="3"/>
      <c r="S22" s="3"/>
      <c r="T22" s="3"/>
      <c r="U22" s="3"/>
      <c r="V22" s="3"/>
      <c r="W22" s="3"/>
      <c r="X22" s="3"/>
      <c r="Y22" s="3"/>
      <c r="Z22" s="3"/>
      <c r="AA22" s="2"/>
      <c r="AB22" s="37"/>
      <c r="AC22" s="37"/>
      <c r="AD22" s="37"/>
    </row>
    <row r="23" spans="1:30" ht="15" customHeight="1" x14ac:dyDescent="0.2">
      <c r="A23" s="37"/>
      <c r="B23" s="41">
        <v>20</v>
      </c>
      <c r="C23" s="57"/>
      <c r="D23" s="42" t="s">
        <v>132</v>
      </c>
      <c r="E23" s="8" t="s">
        <v>36</v>
      </c>
      <c r="F23" s="12" t="s">
        <v>133</v>
      </c>
      <c r="G23" s="13" t="s">
        <v>134</v>
      </c>
      <c r="H23" s="43">
        <f t="shared" si="0"/>
        <v>19</v>
      </c>
      <c r="I23" s="9" t="s">
        <v>90</v>
      </c>
      <c r="J23" s="3" t="s">
        <v>90</v>
      </c>
      <c r="K23" s="3" t="s">
        <v>90</v>
      </c>
      <c r="L23" s="3" t="s">
        <v>90</v>
      </c>
      <c r="M23" s="3" t="s">
        <v>90</v>
      </c>
      <c r="N23" s="3" t="s">
        <v>90</v>
      </c>
      <c r="O23" s="3" t="s">
        <v>90</v>
      </c>
      <c r="P23" s="3" t="s">
        <v>90</v>
      </c>
      <c r="Q23" s="3" t="s">
        <v>90</v>
      </c>
      <c r="R23" s="3" t="s">
        <v>90</v>
      </c>
      <c r="S23" s="3" t="s">
        <v>90</v>
      </c>
      <c r="T23" s="3" t="s">
        <v>90</v>
      </c>
      <c r="U23" s="3" t="s">
        <v>90</v>
      </c>
      <c r="V23" s="3" t="s">
        <v>90</v>
      </c>
      <c r="W23" s="3" t="s">
        <v>90</v>
      </c>
      <c r="X23" s="3" t="s">
        <v>90</v>
      </c>
      <c r="Y23" s="3" t="s">
        <v>90</v>
      </c>
      <c r="Z23" s="3" t="s">
        <v>90</v>
      </c>
      <c r="AA23" s="2" t="s">
        <v>90</v>
      </c>
      <c r="AB23" s="37"/>
      <c r="AC23" s="37"/>
      <c r="AD23" s="37"/>
    </row>
    <row r="24" spans="1:30" ht="15" customHeight="1" x14ac:dyDescent="0.2">
      <c r="A24" s="37"/>
      <c r="B24" s="41">
        <v>21</v>
      </c>
      <c r="C24" s="57"/>
      <c r="D24" s="42" t="s">
        <v>135</v>
      </c>
      <c r="E24" s="8" t="s">
        <v>37</v>
      </c>
      <c r="F24" s="12" t="s">
        <v>136</v>
      </c>
      <c r="G24" s="13" t="s">
        <v>137</v>
      </c>
      <c r="H24" s="43">
        <f t="shared" si="0"/>
        <v>1</v>
      </c>
      <c r="I24" s="9"/>
      <c r="J24" s="3"/>
      <c r="K24" s="3"/>
      <c r="L24" s="3" t="s">
        <v>90</v>
      </c>
      <c r="M24" s="3"/>
      <c r="N24" s="3"/>
      <c r="O24" s="3"/>
      <c r="P24" s="3"/>
      <c r="Q24" s="3"/>
      <c r="R24" s="3"/>
      <c r="S24" s="3"/>
      <c r="T24" s="3"/>
      <c r="U24" s="3"/>
      <c r="V24" s="3"/>
      <c r="W24" s="3"/>
      <c r="X24" s="3"/>
      <c r="Y24" s="3"/>
      <c r="Z24" s="3"/>
      <c r="AA24" s="2"/>
      <c r="AB24" s="37"/>
      <c r="AC24" s="37"/>
      <c r="AD24" s="37"/>
    </row>
    <row r="25" spans="1:30" ht="15" customHeight="1" x14ac:dyDescent="0.2">
      <c r="A25" s="37"/>
      <c r="B25" s="41">
        <v>22</v>
      </c>
      <c r="C25" s="57"/>
      <c r="D25" s="42" t="s">
        <v>138</v>
      </c>
      <c r="E25" s="8" t="s">
        <v>38</v>
      </c>
      <c r="F25" s="3" t="s">
        <v>139</v>
      </c>
      <c r="G25" s="8" t="s">
        <v>140</v>
      </c>
      <c r="H25" s="43">
        <f t="shared" si="0"/>
        <v>3</v>
      </c>
      <c r="I25" s="9" t="s">
        <v>90</v>
      </c>
      <c r="J25" s="3"/>
      <c r="K25" s="3"/>
      <c r="L25" s="3"/>
      <c r="M25" s="3" t="s">
        <v>90</v>
      </c>
      <c r="N25" s="3"/>
      <c r="O25" s="3"/>
      <c r="P25" s="3"/>
      <c r="Q25" s="3"/>
      <c r="R25" s="3"/>
      <c r="S25" s="3"/>
      <c r="T25" s="3"/>
      <c r="U25" s="3"/>
      <c r="V25" s="3"/>
      <c r="W25" s="3"/>
      <c r="X25" s="3"/>
      <c r="Y25" s="3"/>
      <c r="Z25" s="3"/>
      <c r="AA25" s="2" t="s">
        <v>90</v>
      </c>
      <c r="AB25" s="37"/>
      <c r="AC25" s="37"/>
      <c r="AD25" s="37"/>
    </row>
    <row r="26" spans="1:30" ht="15" customHeight="1" x14ac:dyDescent="0.2">
      <c r="A26" s="37"/>
      <c r="B26" s="41">
        <v>23</v>
      </c>
      <c r="C26" s="57"/>
      <c r="D26" s="42" t="s">
        <v>141</v>
      </c>
      <c r="E26" s="8" t="s">
        <v>39</v>
      </c>
      <c r="F26" s="10" t="s">
        <v>142</v>
      </c>
      <c r="G26" s="14" t="s">
        <v>143</v>
      </c>
      <c r="H26" s="43">
        <f t="shared" si="0"/>
        <v>1</v>
      </c>
      <c r="I26" s="9"/>
      <c r="J26" s="3" t="s">
        <v>90</v>
      </c>
      <c r="K26" s="3"/>
      <c r="L26" s="3"/>
      <c r="M26" s="3"/>
      <c r="N26" s="3"/>
      <c r="O26" s="3"/>
      <c r="P26" s="3"/>
      <c r="Q26" s="3"/>
      <c r="R26" s="3"/>
      <c r="S26" s="3"/>
      <c r="T26" s="3"/>
      <c r="U26" s="3"/>
      <c r="V26" s="3"/>
      <c r="W26" s="3"/>
      <c r="X26" s="3"/>
      <c r="Y26" s="3"/>
      <c r="Z26" s="3"/>
      <c r="AA26" s="2"/>
      <c r="AB26" s="37"/>
      <c r="AC26" s="37"/>
      <c r="AD26" s="37"/>
    </row>
    <row r="27" spans="1:30" ht="15" customHeight="1" x14ac:dyDescent="0.2">
      <c r="A27" s="37"/>
      <c r="B27" s="41">
        <v>24</v>
      </c>
      <c r="C27" s="57" t="s">
        <v>144</v>
      </c>
      <c r="D27" s="42" t="s">
        <v>145</v>
      </c>
      <c r="E27" s="8" t="s">
        <v>40</v>
      </c>
      <c r="F27" s="3" t="s">
        <v>146</v>
      </c>
      <c r="G27" s="8" t="s">
        <v>147</v>
      </c>
      <c r="H27" s="43">
        <f t="shared" si="0"/>
        <v>7</v>
      </c>
      <c r="I27" s="9" t="s">
        <v>90</v>
      </c>
      <c r="J27" s="3" t="s">
        <v>90</v>
      </c>
      <c r="K27" s="3" t="s">
        <v>90</v>
      </c>
      <c r="L27" s="3"/>
      <c r="M27" s="3"/>
      <c r="N27" s="3"/>
      <c r="O27" s="20" t="s">
        <v>255</v>
      </c>
      <c r="P27" s="3"/>
      <c r="Q27" s="3"/>
      <c r="R27" s="3" t="s">
        <v>90</v>
      </c>
      <c r="S27" s="3"/>
      <c r="T27" s="3"/>
      <c r="U27" s="3" t="s">
        <v>18</v>
      </c>
      <c r="V27" s="3"/>
      <c r="W27" s="3"/>
      <c r="X27" s="3"/>
      <c r="Y27" s="3"/>
      <c r="Z27" s="20" t="s">
        <v>255</v>
      </c>
      <c r="AA27" s="2"/>
      <c r="AB27" s="37"/>
      <c r="AC27" s="37"/>
      <c r="AD27" s="37"/>
    </row>
    <row r="28" spans="1:30" ht="15" customHeight="1" x14ac:dyDescent="0.2">
      <c r="A28" s="37"/>
      <c r="B28" s="41">
        <v>25</v>
      </c>
      <c r="C28" s="57"/>
      <c r="D28" s="42" t="s">
        <v>148</v>
      </c>
      <c r="E28" s="8" t="s">
        <v>41</v>
      </c>
      <c r="F28" s="3" t="s">
        <v>149</v>
      </c>
      <c r="G28" s="8" t="s">
        <v>150</v>
      </c>
      <c r="H28" s="43">
        <f t="shared" si="0"/>
        <v>19</v>
      </c>
      <c r="I28" s="9" t="s">
        <v>90</v>
      </c>
      <c r="J28" s="3" t="s">
        <v>90</v>
      </c>
      <c r="K28" s="3" t="s">
        <v>90</v>
      </c>
      <c r="L28" s="3" t="s">
        <v>90</v>
      </c>
      <c r="M28" s="3" t="s">
        <v>90</v>
      </c>
      <c r="N28" s="3" t="s">
        <v>90</v>
      </c>
      <c r="O28" s="3" t="s">
        <v>90</v>
      </c>
      <c r="P28" s="3" t="s">
        <v>90</v>
      </c>
      <c r="Q28" s="3" t="s">
        <v>90</v>
      </c>
      <c r="R28" s="3" t="s">
        <v>90</v>
      </c>
      <c r="S28" s="3" t="s">
        <v>90</v>
      </c>
      <c r="T28" s="3" t="s">
        <v>90</v>
      </c>
      <c r="U28" s="3" t="s">
        <v>90</v>
      </c>
      <c r="V28" s="3" t="s">
        <v>90</v>
      </c>
      <c r="W28" s="3" t="s">
        <v>90</v>
      </c>
      <c r="X28" s="3" t="s">
        <v>90</v>
      </c>
      <c r="Y28" s="3" t="s">
        <v>90</v>
      </c>
      <c r="Z28" s="3" t="s">
        <v>90</v>
      </c>
      <c r="AA28" s="2" t="s">
        <v>90</v>
      </c>
      <c r="AB28" s="37"/>
      <c r="AC28" s="37"/>
      <c r="AD28" s="37"/>
    </row>
    <row r="29" spans="1:30" ht="15" customHeight="1" x14ac:dyDescent="0.2">
      <c r="A29" s="37"/>
      <c r="B29" s="41">
        <v>26</v>
      </c>
      <c r="C29" s="57"/>
      <c r="D29" s="42" t="s">
        <v>151</v>
      </c>
      <c r="E29" s="8" t="s">
        <v>42</v>
      </c>
      <c r="F29" s="10" t="s">
        <v>152</v>
      </c>
      <c r="G29" s="11" t="s">
        <v>153</v>
      </c>
      <c r="H29" s="43">
        <f t="shared" si="0"/>
        <v>4</v>
      </c>
      <c r="I29" s="9" t="s">
        <v>90</v>
      </c>
      <c r="J29" s="3"/>
      <c r="K29" s="3"/>
      <c r="L29" s="3"/>
      <c r="M29" s="3"/>
      <c r="N29" s="3"/>
      <c r="O29" s="3" t="s">
        <v>90</v>
      </c>
      <c r="P29" s="3"/>
      <c r="Q29" s="3"/>
      <c r="R29" s="3"/>
      <c r="S29" s="3"/>
      <c r="T29" s="3"/>
      <c r="U29" s="3" t="s">
        <v>18</v>
      </c>
      <c r="V29" s="3"/>
      <c r="W29" s="3"/>
      <c r="X29" s="3" t="s">
        <v>90</v>
      </c>
      <c r="Y29" s="3"/>
      <c r="Z29" s="3"/>
      <c r="AA29" s="2"/>
      <c r="AB29" s="37"/>
      <c r="AC29" s="37"/>
      <c r="AD29" s="37"/>
    </row>
    <row r="30" spans="1:30" ht="15" customHeight="1" x14ac:dyDescent="0.2">
      <c r="A30" s="37"/>
      <c r="B30" s="41">
        <v>27</v>
      </c>
      <c r="C30" s="57"/>
      <c r="D30" s="42" t="s">
        <v>154</v>
      </c>
      <c r="E30" s="8" t="s">
        <v>43</v>
      </c>
      <c r="F30" s="10" t="s">
        <v>155</v>
      </c>
      <c r="G30" s="11" t="s">
        <v>156</v>
      </c>
      <c r="H30" s="43">
        <f t="shared" si="0"/>
        <v>2</v>
      </c>
      <c r="I30" s="9" t="s">
        <v>18</v>
      </c>
      <c r="J30" s="3"/>
      <c r="K30" s="3"/>
      <c r="L30" s="3"/>
      <c r="M30" s="3"/>
      <c r="N30" s="3"/>
      <c r="O30" s="3"/>
      <c r="P30" s="3"/>
      <c r="Q30" s="3"/>
      <c r="R30" s="3"/>
      <c r="S30" s="3"/>
      <c r="T30" s="3"/>
      <c r="U30" s="3"/>
      <c r="V30" s="3"/>
      <c r="W30" s="3"/>
      <c r="X30" s="3"/>
      <c r="Y30" s="3"/>
      <c r="Z30" s="3"/>
      <c r="AA30" s="2" t="s">
        <v>90</v>
      </c>
      <c r="AB30" s="37"/>
      <c r="AC30" s="37"/>
      <c r="AD30" s="37"/>
    </row>
    <row r="31" spans="1:30" ht="15" customHeight="1" x14ac:dyDescent="0.2">
      <c r="A31" s="37"/>
      <c r="B31" s="41">
        <v>28</v>
      </c>
      <c r="C31" s="57"/>
      <c r="D31" s="42" t="s">
        <v>44</v>
      </c>
      <c r="E31" s="8" t="s">
        <v>44</v>
      </c>
      <c r="F31" s="10" t="s">
        <v>157</v>
      </c>
      <c r="G31" s="11" t="s">
        <v>158</v>
      </c>
      <c r="H31" s="43">
        <f t="shared" si="0"/>
        <v>1</v>
      </c>
      <c r="I31" s="9"/>
      <c r="J31" s="3"/>
      <c r="K31" s="3"/>
      <c r="L31" s="3"/>
      <c r="M31" s="3"/>
      <c r="N31" s="3"/>
      <c r="O31" s="3"/>
      <c r="P31" s="3"/>
      <c r="Q31" s="3"/>
      <c r="R31" s="3"/>
      <c r="S31" s="3"/>
      <c r="T31" s="3"/>
      <c r="U31" s="3"/>
      <c r="V31" s="3"/>
      <c r="W31" s="3"/>
      <c r="X31" s="3"/>
      <c r="Y31" s="3"/>
      <c r="Z31" s="3"/>
      <c r="AA31" s="2" t="s">
        <v>90</v>
      </c>
      <c r="AB31" s="37"/>
      <c r="AC31" s="37"/>
      <c r="AD31" s="37"/>
    </row>
    <row r="32" spans="1:30" ht="15" customHeight="1" x14ac:dyDescent="0.2">
      <c r="A32" s="37"/>
      <c r="B32" s="41">
        <v>29</v>
      </c>
      <c r="C32" s="57"/>
      <c r="D32" s="42"/>
      <c r="E32" s="8" t="s">
        <v>45</v>
      </c>
      <c r="F32" s="10"/>
      <c r="G32" s="11"/>
      <c r="H32" s="43">
        <f t="shared" si="0"/>
        <v>1</v>
      </c>
      <c r="I32" s="9"/>
      <c r="J32" s="3"/>
      <c r="K32" s="3"/>
      <c r="L32" s="3" t="s">
        <v>90</v>
      </c>
      <c r="M32" s="3"/>
      <c r="N32" s="3"/>
      <c r="O32" s="3"/>
      <c r="P32" s="3"/>
      <c r="Q32" s="3"/>
      <c r="R32" s="3"/>
      <c r="S32" s="3"/>
      <c r="T32" s="3"/>
      <c r="U32" s="3"/>
      <c r="V32" s="3"/>
      <c r="W32" s="3"/>
      <c r="X32" s="3"/>
      <c r="Y32" s="3"/>
      <c r="Z32" s="3"/>
      <c r="AA32" s="2"/>
      <c r="AB32" s="37"/>
      <c r="AC32" s="37"/>
      <c r="AD32" s="37"/>
    </row>
    <row r="33" spans="1:30" ht="15" customHeight="1" x14ac:dyDescent="0.2">
      <c r="A33" s="37"/>
      <c r="B33" s="41">
        <v>30</v>
      </c>
      <c r="C33" s="57"/>
      <c r="D33" s="42" t="s">
        <v>159</v>
      </c>
      <c r="E33" s="8" t="s">
        <v>46</v>
      </c>
      <c r="F33" s="10" t="s">
        <v>160</v>
      </c>
      <c r="G33" s="11" t="s">
        <v>161</v>
      </c>
      <c r="H33" s="43">
        <f t="shared" si="0"/>
        <v>1</v>
      </c>
      <c r="I33" s="9"/>
      <c r="J33" s="3"/>
      <c r="K33" s="3"/>
      <c r="L33" s="3"/>
      <c r="M33" s="3"/>
      <c r="N33" s="3"/>
      <c r="O33" s="3"/>
      <c r="P33" s="3"/>
      <c r="Q33" s="3"/>
      <c r="R33" s="3"/>
      <c r="S33" s="3"/>
      <c r="T33" s="3"/>
      <c r="U33" s="3"/>
      <c r="V33" s="3"/>
      <c r="W33" s="3"/>
      <c r="X33" s="3"/>
      <c r="Y33" s="3"/>
      <c r="Z33" s="3"/>
      <c r="AA33" s="2" t="s">
        <v>90</v>
      </c>
      <c r="AB33" s="37"/>
      <c r="AC33" s="37"/>
      <c r="AD33" s="37"/>
    </row>
    <row r="34" spans="1:30" s="44" customFormat="1" ht="15" customHeight="1" x14ac:dyDescent="0.2">
      <c r="A34" s="37"/>
      <c r="B34" s="41">
        <v>31</v>
      </c>
      <c r="C34" s="57" t="s">
        <v>162</v>
      </c>
      <c r="D34" s="42" t="s">
        <v>163</v>
      </c>
      <c r="E34" s="8" t="s">
        <v>47</v>
      </c>
      <c r="F34" s="12" t="s">
        <v>164</v>
      </c>
      <c r="G34" s="13" t="s">
        <v>165</v>
      </c>
      <c r="H34" s="43">
        <f t="shared" si="0"/>
        <v>8</v>
      </c>
      <c r="I34" s="9" t="s">
        <v>90</v>
      </c>
      <c r="J34" s="3" t="s">
        <v>90</v>
      </c>
      <c r="K34" s="3"/>
      <c r="L34" s="3"/>
      <c r="M34" s="3" t="s">
        <v>90</v>
      </c>
      <c r="N34" s="3" t="s">
        <v>18</v>
      </c>
      <c r="O34" s="3" t="s">
        <v>90</v>
      </c>
      <c r="P34" s="3"/>
      <c r="Q34" s="3"/>
      <c r="R34" s="3"/>
      <c r="S34" s="3"/>
      <c r="T34" s="3" t="s">
        <v>90</v>
      </c>
      <c r="U34" s="3" t="s">
        <v>90</v>
      </c>
      <c r="V34" s="3"/>
      <c r="W34" s="3"/>
      <c r="X34" s="3" t="s">
        <v>90</v>
      </c>
      <c r="Y34" s="3"/>
      <c r="Z34" s="3"/>
      <c r="AA34" s="2"/>
      <c r="AB34" s="37"/>
      <c r="AC34" s="37"/>
      <c r="AD34" s="37"/>
    </row>
    <row r="35" spans="1:30" ht="15" customHeight="1" x14ac:dyDescent="0.2">
      <c r="A35" s="37"/>
      <c r="B35" s="41">
        <v>32</v>
      </c>
      <c r="C35" s="57"/>
      <c r="D35" s="42" t="s">
        <v>166</v>
      </c>
      <c r="E35" s="8" t="s">
        <v>48</v>
      </c>
      <c r="F35" s="3" t="s">
        <v>167</v>
      </c>
      <c r="G35" s="8" t="s">
        <v>168</v>
      </c>
      <c r="H35" s="43">
        <f t="shared" si="0"/>
        <v>1</v>
      </c>
      <c r="I35" s="9" t="s">
        <v>90</v>
      </c>
      <c r="J35" s="3"/>
      <c r="K35" s="3"/>
      <c r="L35" s="3"/>
      <c r="M35" s="3"/>
      <c r="N35" s="3"/>
      <c r="O35" s="3"/>
      <c r="P35" s="3"/>
      <c r="Q35" s="3"/>
      <c r="R35" s="3"/>
      <c r="S35" s="3"/>
      <c r="T35" s="3"/>
      <c r="U35" s="3"/>
      <c r="V35" s="3"/>
      <c r="W35" s="3"/>
      <c r="X35" s="3"/>
      <c r="Y35" s="3"/>
      <c r="Z35" s="3"/>
      <c r="AA35" s="2"/>
      <c r="AB35" s="37"/>
      <c r="AC35" s="37"/>
      <c r="AD35" s="37"/>
    </row>
    <row r="36" spans="1:30" ht="15" customHeight="1" x14ac:dyDescent="0.2">
      <c r="A36" s="37"/>
      <c r="B36" s="41">
        <v>33</v>
      </c>
      <c r="C36" s="57"/>
      <c r="D36" s="42" t="s">
        <v>169</v>
      </c>
      <c r="E36" s="8" t="s">
        <v>49</v>
      </c>
      <c r="F36" s="3" t="s">
        <v>170</v>
      </c>
      <c r="G36" s="8" t="s">
        <v>171</v>
      </c>
      <c r="H36" s="43">
        <f t="shared" si="0"/>
        <v>1</v>
      </c>
      <c r="I36" s="9" t="s">
        <v>90</v>
      </c>
      <c r="J36" s="3"/>
      <c r="K36" s="3"/>
      <c r="L36" s="3"/>
      <c r="M36" s="3"/>
      <c r="N36" s="3"/>
      <c r="O36" s="3"/>
      <c r="P36" s="3"/>
      <c r="Q36" s="3"/>
      <c r="R36" s="3"/>
      <c r="S36" s="3"/>
      <c r="T36" s="3"/>
      <c r="U36" s="3"/>
      <c r="V36" s="3"/>
      <c r="W36" s="3"/>
      <c r="X36" s="3"/>
      <c r="Y36" s="3"/>
      <c r="Z36" s="3"/>
      <c r="AA36" s="2"/>
      <c r="AB36" s="37"/>
      <c r="AC36" s="37"/>
      <c r="AD36" s="37"/>
    </row>
    <row r="37" spans="1:30" ht="15" customHeight="1" x14ac:dyDescent="0.2">
      <c r="A37" s="37"/>
      <c r="B37" s="41">
        <v>34</v>
      </c>
      <c r="C37" s="57"/>
      <c r="D37" s="42" t="s">
        <v>172</v>
      </c>
      <c r="E37" s="8" t="s">
        <v>50</v>
      </c>
      <c r="F37" s="12" t="s">
        <v>173</v>
      </c>
      <c r="G37" s="13" t="s">
        <v>174</v>
      </c>
      <c r="H37" s="43">
        <f t="shared" si="0"/>
        <v>1</v>
      </c>
      <c r="I37" s="9" t="s">
        <v>90</v>
      </c>
      <c r="J37" s="3"/>
      <c r="K37" s="3"/>
      <c r="L37" s="3"/>
      <c r="M37" s="3"/>
      <c r="N37" s="3"/>
      <c r="O37" s="3"/>
      <c r="P37" s="3"/>
      <c r="Q37" s="3"/>
      <c r="R37" s="3"/>
      <c r="S37" s="3"/>
      <c r="T37" s="3"/>
      <c r="U37" s="3"/>
      <c r="V37" s="3"/>
      <c r="W37" s="3"/>
      <c r="X37" s="3"/>
      <c r="Y37" s="3"/>
      <c r="Z37" s="3"/>
      <c r="AA37" s="2"/>
      <c r="AB37" s="37"/>
      <c r="AC37" s="37"/>
      <c r="AD37" s="37"/>
    </row>
    <row r="38" spans="1:30" ht="15" customHeight="1" x14ac:dyDescent="0.2">
      <c r="A38" s="37"/>
      <c r="B38" s="41">
        <v>35</v>
      </c>
      <c r="C38" s="57"/>
      <c r="D38" s="42" t="s">
        <v>175</v>
      </c>
      <c r="E38" s="8" t="s">
        <v>51</v>
      </c>
      <c r="F38" s="10" t="s">
        <v>176</v>
      </c>
      <c r="G38" s="14" t="s">
        <v>177</v>
      </c>
      <c r="H38" s="43">
        <f t="shared" si="0"/>
        <v>1</v>
      </c>
      <c r="I38" s="9"/>
      <c r="J38" s="3"/>
      <c r="K38" s="3"/>
      <c r="L38" s="3"/>
      <c r="M38" s="3"/>
      <c r="N38" s="3"/>
      <c r="O38" s="3"/>
      <c r="P38" s="3" t="s">
        <v>90</v>
      </c>
      <c r="Q38" s="3"/>
      <c r="R38" s="3"/>
      <c r="S38" s="3"/>
      <c r="T38" s="3"/>
      <c r="U38" s="3"/>
      <c r="V38" s="3"/>
      <c r="W38" s="3"/>
      <c r="X38" s="3"/>
      <c r="Y38" s="3"/>
      <c r="Z38" s="3"/>
      <c r="AA38" s="2"/>
      <c r="AB38" s="37"/>
      <c r="AC38" s="37"/>
      <c r="AD38" s="37"/>
    </row>
    <row r="39" spans="1:30" ht="15" customHeight="1" x14ac:dyDescent="0.2">
      <c r="A39" s="37"/>
      <c r="B39" s="41">
        <v>36</v>
      </c>
      <c r="C39" s="57"/>
      <c r="D39" s="42" t="s">
        <v>178</v>
      </c>
      <c r="E39" s="8" t="s">
        <v>52</v>
      </c>
      <c r="F39" s="3" t="s">
        <v>179</v>
      </c>
      <c r="G39" s="8" t="s">
        <v>180</v>
      </c>
      <c r="H39" s="43">
        <f t="shared" si="0"/>
        <v>6</v>
      </c>
      <c r="I39" s="3" t="s">
        <v>90</v>
      </c>
      <c r="J39" s="3" t="s">
        <v>90</v>
      </c>
      <c r="K39" s="3"/>
      <c r="L39" s="3"/>
      <c r="M39" s="3"/>
      <c r="N39" s="3"/>
      <c r="O39" s="3"/>
      <c r="P39" s="3"/>
      <c r="Q39" s="3"/>
      <c r="R39" s="3"/>
      <c r="S39" s="3"/>
      <c r="T39" s="3"/>
      <c r="U39" s="3" t="s">
        <v>90</v>
      </c>
      <c r="V39" s="3"/>
      <c r="W39" s="3"/>
      <c r="X39" s="3" t="s">
        <v>90</v>
      </c>
      <c r="Y39" s="3" t="s">
        <v>90</v>
      </c>
      <c r="Z39" s="3"/>
      <c r="AA39" s="2" t="s">
        <v>90</v>
      </c>
      <c r="AB39" s="37"/>
      <c r="AC39" s="37"/>
      <c r="AD39" s="37"/>
    </row>
    <row r="40" spans="1:30" ht="15" customHeight="1" x14ac:dyDescent="0.2">
      <c r="A40" s="37"/>
      <c r="B40" s="41">
        <v>37</v>
      </c>
      <c r="C40" s="57"/>
      <c r="D40" s="42" t="s">
        <v>181</v>
      </c>
      <c r="E40" s="8" t="s">
        <v>53</v>
      </c>
      <c r="F40" s="3" t="s">
        <v>182</v>
      </c>
      <c r="G40" s="8" t="s">
        <v>183</v>
      </c>
      <c r="H40" s="43">
        <f t="shared" si="0"/>
        <v>2</v>
      </c>
      <c r="I40" s="20" t="s">
        <v>255</v>
      </c>
      <c r="J40" s="3"/>
      <c r="K40" s="3"/>
      <c r="L40" s="3"/>
      <c r="M40" s="3"/>
      <c r="N40" s="3"/>
      <c r="O40" s="3"/>
      <c r="P40" s="3"/>
      <c r="Q40" s="3"/>
      <c r="R40" s="3"/>
      <c r="S40" s="3"/>
      <c r="T40" s="3"/>
      <c r="U40" s="3"/>
      <c r="V40" s="3"/>
      <c r="W40" s="3"/>
      <c r="X40" s="3"/>
      <c r="Y40" s="3"/>
      <c r="Z40" s="3"/>
      <c r="AA40" s="2" t="s">
        <v>90</v>
      </c>
      <c r="AB40" s="37"/>
      <c r="AC40" s="37"/>
      <c r="AD40" s="37"/>
    </row>
    <row r="41" spans="1:30" ht="15" customHeight="1" x14ac:dyDescent="0.2">
      <c r="A41" s="37"/>
      <c r="B41" s="41">
        <v>38</v>
      </c>
      <c r="C41" s="57"/>
      <c r="D41" s="42" t="s">
        <v>252</v>
      </c>
      <c r="E41" s="8" t="s">
        <v>252</v>
      </c>
      <c r="F41" s="3" t="s">
        <v>253</v>
      </c>
      <c r="G41" s="8" t="s">
        <v>254</v>
      </c>
      <c r="H41" s="43">
        <f t="shared" si="0"/>
        <v>3</v>
      </c>
      <c r="I41" s="9" t="s">
        <v>90</v>
      </c>
      <c r="J41" s="3"/>
      <c r="K41" s="3"/>
      <c r="L41" s="3"/>
      <c r="M41" s="3" t="s">
        <v>90</v>
      </c>
      <c r="N41" s="3"/>
      <c r="O41" s="3"/>
      <c r="P41" s="3"/>
      <c r="Q41" s="3"/>
      <c r="R41" s="3"/>
      <c r="S41" s="3" t="s">
        <v>90</v>
      </c>
      <c r="T41" s="3"/>
      <c r="U41" s="3"/>
      <c r="V41" s="3"/>
      <c r="W41" s="3"/>
      <c r="X41" s="3"/>
      <c r="Y41" s="3"/>
      <c r="Z41" s="3"/>
      <c r="AA41" s="2"/>
      <c r="AB41" s="37"/>
      <c r="AC41" s="37"/>
      <c r="AD41" s="37"/>
    </row>
    <row r="42" spans="1:30" ht="15" customHeight="1" x14ac:dyDescent="0.2">
      <c r="A42" s="37"/>
      <c r="B42" s="41">
        <v>39</v>
      </c>
      <c r="C42" s="57" t="s">
        <v>184</v>
      </c>
      <c r="D42" s="42" t="s">
        <v>185</v>
      </c>
      <c r="E42" s="8" t="s">
        <v>54</v>
      </c>
      <c r="F42" s="3" t="s">
        <v>186</v>
      </c>
      <c r="G42" s="8" t="s">
        <v>187</v>
      </c>
      <c r="H42" s="43">
        <f t="shared" si="0"/>
        <v>18</v>
      </c>
      <c r="I42" s="9" t="s">
        <v>90</v>
      </c>
      <c r="J42" s="3" t="s">
        <v>90</v>
      </c>
      <c r="K42" s="3" t="s">
        <v>90</v>
      </c>
      <c r="L42" s="3" t="s">
        <v>90</v>
      </c>
      <c r="M42" s="3" t="s">
        <v>90</v>
      </c>
      <c r="N42" s="3" t="s">
        <v>90</v>
      </c>
      <c r="O42" s="3" t="s">
        <v>90</v>
      </c>
      <c r="P42" s="3" t="s">
        <v>90</v>
      </c>
      <c r="Q42" s="3" t="s">
        <v>90</v>
      </c>
      <c r="R42" s="3" t="s">
        <v>90</v>
      </c>
      <c r="S42" s="3" t="s">
        <v>90</v>
      </c>
      <c r="T42" s="3" t="s">
        <v>90</v>
      </c>
      <c r="U42" s="3" t="s">
        <v>90</v>
      </c>
      <c r="V42" s="3" t="s">
        <v>90</v>
      </c>
      <c r="W42" s="3" t="s">
        <v>90</v>
      </c>
      <c r="X42" s="3" t="s">
        <v>90</v>
      </c>
      <c r="Y42" s="3" t="s">
        <v>90</v>
      </c>
      <c r="Z42" s="3"/>
      <c r="AA42" s="2" t="s">
        <v>90</v>
      </c>
      <c r="AB42" s="37"/>
      <c r="AC42" s="37"/>
      <c r="AD42" s="37"/>
    </row>
    <row r="43" spans="1:30" ht="15" customHeight="1" x14ac:dyDescent="0.2">
      <c r="A43" s="37"/>
      <c r="B43" s="41">
        <v>40</v>
      </c>
      <c r="C43" s="57"/>
      <c r="D43" s="42" t="s">
        <v>188</v>
      </c>
      <c r="E43" s="8" t="s">
        <v>55</v>
      </c>
      <c r="F43" s="10" t="s">
        <v>189</v>
      </c>
      <c r="G43" s="11" t="s">
        <v>190</v>
      </c>
      <c r="H43" s="43">
        <f t="shared" si="0"/>
        <v>1</v>
      </c>
      <c r="I43" s="9" t="s">
        <v>90</v>
      </c>
      <c r="J43" s="3"/>
      <c r="K43" s="3"/>
      <c r="L43" s="3"/>
      <c r="M43" s="3"/>
      <c r="N43" s="3"/>
      <c r="O43" s="3"/>
      <c r="P43" s="3"/>
      <c r="Q43" s="3"/>
      <c r="R43" s="3"/>
      <c r="S43" s="3"/>
      <c r="T43" s="3"/>
      <c r="U43" s="3"/>
      <c r="V43" s="3"/>
      <c r="W43" s="3"/>
      <c r="X43" s="3"/>
      <c r="Y43" s="3"/>
      <c r="Z43" s="3"/>
      <c r="AA43" s="2"/>
      <c r="AB43" s="37"/>
      <c r="AC43" s="37"/>
      <c r="AD43" s="37"/>
    </row>
    <row r="44" spans="1:30" ht="15" customHeight="1" x14ac:dyDescent="0.2">
      <c r="A44" s="37"/>
      <c r="B44" s="41">
        <v>41</v>
      </c>
      <c r="C44" s="57"/>
      <c r="D44" s="42" t="s">
        <v>191</v>
      </c>
      <c r="E44" s="8" t="s">
        <v>56</v>
      </c>
      <c r="F44" s="3" t="s">
        <v>192</v>
      </c>
      <c r="G44" s="8" t="s">
        <v>193</v>
      </c>
      <c r="H44" s="43">
        <f t="shared" si="0"/>
        <v>2</v>
      </c>
      <c r="I44" s="9" t="s">
        <v>90</v>
      </c>
      <c r="J44" s="3"/>
      <c r="K44" s="3"/>
      <c r="L44" s="3"/>
      <c r="M44" s="3" t="s">
        <v>90</v>
      </c>
      <c r="N44" s="3"/>
      <c r="O44" s="3"/>
      <c r="P44" s="3"/>
      <c r="Q44" s="3"/>
      <c r="R44" s="3"/>
      <c r="S44" s="3"/>
      <c r="T44" s="3"/>
      <c r="U44" s="3"/>
      <c r="V44" s="3"/>
      <c r="W44" s="3"/>
      <c r="X44" s="3"/>
      <c r="Y44" s="3"/>
      <c r="Z44" s="3"/>
      <c r="AA44" s="2"/>
      <c r="AB44" s="37"/>
      <c r="AC44" s="37"/>
      <c r="AD44" s="37"/>
    </row>
    <row r="45" spans="1:30" ht="15" customHeight="1" x14ac:dyDescent="0.2">
      <c r="A45" s="37"/>
      <c r="B45" s="41">
        <v>42</v>
      </c>
      <c r="C45" s="57"/>
      <c r="D45" s="42"/>
      <c r="E45" s="8" t="s">
        <v>57</v>
      </c>
      <c r="F45" s="8"/>
      <c r="G45" s="8"/>
      <c r="H45" s="43">
        <f t="shared" si="0"/>
        <v>1</v>
      </c>
      <c r="I45" s="9" t="s">
        <v>90</v>
      </c>
      <c r="J45" s="3"/>
      <c r="K45" s="3"/>
      <c r="L45" s="3"/>
      <c r="M45" s="3"/>
      <c r="N45" s="3"/>
      <c r="O45" s="3"/>
      <c r="P45" s="3"/>
      <c r="Q45" s="3"/>
      <c r="R45" s="3"/>
      <c r="S45" s="3"/>
      <c r="T45" s="3"/>
      <c r="U45" s="3"/>
      <c r="V45" s="3"/>
      <c r="W45" s="3"/>
      <c r="X45" s="3"/>
      <c r="Y45" s="3"/>
      <c r="Z45" s="3"/>
      <c r="AA45" s="2"/>
      <c r="AB45" s="37"/>
      <c r="AC45" s="37"/>
      <c r="AD45" s="37"/>
    </row>
    <row r="46" spans="1:30" ht="15" customHeight="1" x14ac:dyDescent="0.2">
      <c r="A46" s="37"/>
      <c r="B46" s="41">
        <v>43</v>
      </c>
      <c r="C46" s="57" t="s">
        <v>194</v>
      </c>
      <c r="D46" s="42" t="s">
        <v>195</v>
      </c>
      <c r="E46" s="8" t="s">
        <v>58</v>
      </c>
      <c r="F46" s="3" t="s">
        <v>196</v>
      </c>
      <c r="G46" s="8" t="s">
        <v>197</v>
      </c>
      <c r="H46" s="43">
        <f t="shared" si="0"/>
        <v>3</v>
      </c>
      <c r="I46" s="9" t="s">
        <v>90</v>
      </c>
      <c r="J46" s="3"/>
      <c r="K46" s="3"/>
      <c r="L46" s="20" t="s">
        <v>255</v>
      </c>
      <c r="M46" s="3" t="s">
        <v>90</v>
      </c>
      <c r="N46" s="3"/>
      <c r="O46" s="3"/>
      <c r="P46" s="3"/>
      <c r="Q46" s="3"/>
      <c r="R46" s="3"/>
      <c r="S46" s="3"/>
      <c r="T46" s="3"/>
      <c r="U46" s="3"/>
      <c r="V46" s="3"/>
      <c r="W46" s="3"/>
      <c r="X46" s="3"/>
      <c r="Y46" s="3"/>
      <c r="Z46" s="3"/>
      <c r="AA46" s="2"/>
      <c r="AB46" s="37"/>
      <c r="AC46" s="37"/>
      <c r="AD46" s="37"/>
    </row>
    <row r="47" spans="1:30" ht="15" customHeight="1" x14ac:dyDescent="0.2">
      <c r="A47" s="37"/>
      <c r="B47" s="41">
        <v>44</v>
      </c>
      <c r="C47" s="57"/>
      <c r="D47" s="42" t="s">
        <v>198</v>
      </c>
      <c r="E47" s="8" t="s">
        <v>59</v>
      </c>
      <c r="F47" s="3" t="s">
        <v>199</v>
      </c>
      <c r="G47" s="8" t="s">
        <v>200</v>
      </c>
      <c r="H47" s="43">
        <f t="shared" si="0"/>
        <v>1</v>
      </c>
      <c r="I47" s="9" t="s">
        <v>90</v>
      </c>
      <c r="J47" s="3"/>
      <c r="K47" s="3"/>
      <c r="L47" s="3"/>
      <c r="M47" s="3"/>
      <c r="N47" s="3"/>
      <c r="O47" s="3"/>
      <c r="P47" s="3"/>
      <c r="Q47" s="3"/>
      <c r="R47" s="3"/>
      <c r="S47" s="3"/>
      <c r="T47" s="3"/>
      <c r="U47" s="3"/>
      <c r="V47" s="3"/>
      <c r="W47" s="3"/>
      <c r="X47" s="3"/>
      <c r="Y47" s="3"/>
      <c r="Z47" s="3"/>
      <c r="AA47" s="2"/>
      <c r="AB47" s="37"/>
      <c r="AC47" s="37"/>
      <c r="AD47" s="37"/>
    </row>
    <row r="48" spans="1:30" ht="15" customHeight="1" x14ac:dyDescent="0.2">
      <c r="A48" s="37"/>
      <c r="B48" s="41">
        <v>45</v>
      </c>
      <c r="C48" s="57"/>
      <c r="D48" s="42" t="s">
        <v>201</v>
      </c>
      <c r="E48" s="8" t="s">
        <v>60</v>
      </c>
      <c r="F48" s="3" t="s">
        <v>202</v>
      </c>
      <c r="G48" s="15" t="s">
        <v>203</v>
      </c>
      <c r="H48" s="43">
        <f t="shared" si="0"/>
        <v>3</v>
      </c>
      <c r="I48" s="9" t="s">
        <v>90</v>
      </c>
      <c r="J48" s="3" t="s">
        <v>90</v>
      </c>
      <c r="K48" s="3"/>
      <c r="L48" s="3"/>
      <c r="M48" s="3"/>
      <c r="N48" s="3"/>
      <c r="O48" s="3"/>
      <c r="P48" s="3"/>
      <c r="Q48" s="3"/>
      <c r="R48" s="3"/>
      <c r="S48" s="3"/>
      <c r="T48" s="3"/>
      <c r="U48" s="3"/>
      <c r="V48" s="3"/>
      <c r="W48" s="3"/>
      <c r="X48" s="3" t="s">
        <v>90</v>
      </c>
      <c r="Y48" s="3"/>
      <c r="Z48" s="3"/>
      <c r="AA48" s="2"/>
      <c r="AB48" s="37"/>
      <c r="AC48" s="37"/>
      <c r="AD48" s="37"/>
    </row>
    <row r="49" spans="1:30" s="44" customFormat="1" ht="15" customHeight="1" x14ac:dyDescent="0.2">
      <c r="A49" s="37"/>
      <c r="B49" s="41">
        <v>46</v>
      </c>
      <c r="C49" s="57"/>
      <c r="D49" s="42" t="s">
        <v>204</v>
      </c>
      <c r="E49" s="8" t="s">
        <v>61</v>
      </c>
      <c r="F49" s="3" t="s">
        <v>205</v>
      </c>
      <c r="G49" s="8" t="s">
        <v>206</v>
      </c>
      <c r="H49" s="43">
        <f t="shared" si="0"/>
        <v>9</v>
      </c>
      <c r="I49" s="9" t="s">
        <v>90</v>
      </c>
      <c r="J49" s="3"/>
      <c r="K49" s="3"/>
      <c r="L49" s="3"/>
      <c r="M49" s="3" t="s">
        <v>90</v>
      </c>
      <c r="N49" s="3"/>
      <c r="O49" s="3" t="s">
        <v>90</v>
      </c>
      <c r="P49" s="3"/>
      <c r="Q49" s="3"/>
      <c r="R49" s="3"/>
      <c r="S49" s="3"/>
      <c r="T49" s="3" t="s">
        <v>90</v>
      </c>
      <c r="U49" s="3" t="s">
        <v>90</v>
      </c>
      <c r="V49" s="3" t="s">
        <v>90</v>
      </c>
      <c r="W49" s="3"/>
      <c r="X49" s="3" t="s">
        <v>90</v>
      </c>
      <c r="Y49" s="3" t="s">
        <v>90</v>
      </c>
      <c r="Z49" s="3"/>
      <c r="AA49" s="2" t="s">
        <v>90</v>
      </c>
      <c r="AB49" s="37"/>
      <c r="AC49" s="37"/>
      <c r="AD49" s="37"/>
    </row>
    <row r="50" spans="1:30" ht="15" customHeight="1" x14ac:dyDescent="0.2">
      <c r="A50" s="37"/>
      <c r="B50" s="41">
        <v>47</v>
      </c>
      <c r="C50" s="57"/>
      <c r="D50" s="42" t="s">
        <v>62</v>
      </c>
      <c r="E50" s="8" t="s">
        <v>62</v>
      </c>
      <c r="F50" s="10" t="s">
        <v>207</v>
      </c>
      <c r="G50" s="11" t="s">
        <v>208</v>
      </c>
      <c r="H50" s="43">
        <f t="shared" si="0"/>
        <v>1</v>
      </c>
      <c r="I50" s="9"/>
      <c r="J50" s="3"/>
      <c r="K50" s="3"/>
      <c r="L50" s="3" t="s">
        <v>90</v>
      </c>
      <c r="M50" s="3"/>
      <c r="N50" s="3"/>
      <c r="O50" s="3"/>
      <c r="P50" s="3"/>
      <c r="Q50" s="3"/>
      <c r="R50" s="3"/>
      <c r="S50" s="3"/>
      <c r="T50" s="3"/>
      <c r="U50" s="3"/>
      <c r="V50" s="3"/>
      <c r="W50" s="3"/>
      <c r="X50" s="3"/>
      <c r="Y50" s="3"/>
      <c r="Z50" s="3"/>
      <c r="AA50" s="2"/>
      <c r="AB50" s="37"/>
      <c r="AC50" s="37"/>
      <c r="AD50" s="37"/>
    </row>
    <row r="51" spans="1:30" ht="15" customHeight="1" x14ac:dyDescent="0.2">
      <c r="A51" s="37"/>
      <c r="B51" s="41">
        <v>48</v>
      </c>
      <c r="C51" s="57"/>
      <c r="D51" s="42" t="s">
        <v>209</v>
      </c>
      <c r="E51" s="8" t="s">
        <v>63</v>
      </c>
      <c r="F51" s="10" t="s">
        <v>210</v>
      </c>
      <c r="G51" s="14" t="s">
        <v>211</v>
      </c>
      <c r="H51" s="43">
        <f t="shared" si="0"/>
        <v>1</v>
      </c>
      <c r="I51" s="9"/>
      <c r="J51" s="3"/>
      <c r="K51" s="3"/>
      <c r="L51" s="3" t="s">
        <v>90</v>
      </c>
      <c r="M51" s="3"/>
      <c r="N51" s="3"/>
      <c r="O51" s="3"/>
      <c r="P51" s="3"/>
      <c r="Q51" s="3"/>
      <c r="R51" s="3"/>
      <c r="S51" s="3"/>
      <c r="T51" s="3"/>
      <c r="U51" s="3"/>
      <c r="V51" s="3"/>
      <c r="W51" s="3"/>
      <c r="X51" s="3"/>
      <c r="Y51" s="3"/>
      <c r="Z51" s="3"/>
      <c r="AA51" s="2"/>
      <c r="AB51" s="37"/>
      <c r="AC51" s="37"/>
      <c r="AD51" s="37"/>
    </row>
    <row r="52" spans="1:30" ht="15" customHeight="1" x14ac:dyDescent="0.2">
      <c r="A52" s="37"/>
      <c r="B52" s="41">
        <v>49</v>
      </c>
      <c r="C52" s="57"/>
      <c r="D52" s="42"/>
      <c r="E52" s="8" t="s">
        <v>64</v>
      </c>
      <c r="F52" s="10"/>
      <c r="G52" s="14"/>
      <c r="H52" s="43">
        <f t="shared" si="0"/>
        <v>1</v>
      </c>
      <c r="I52" s="9"/>
      <c r="J52" s="3"/>
      <c r="K52" s="3"/>
      <c r="L52" s="3"/>
      <c r="M52" s="3"/>
      <c r="N52" s="3"/>
      <c r="O52" s="3"/>
      <c r="P52" s="3"/>
      <c r="Q52" s="3"/>
      <c r="R52" s="3"/>
      <c r="S52" s="3"/>
      <c r="T52" s="3"/>
      <c r="U52" s="3"/>
      <c r="V52" s="3"/>
      <c r="W52" s="3"/>
      <c r="X52" s="3"/>
      <c r="Y52" s="3"/>
      <c r="Z52" s="3"/>
      <c r="AA52" s="2" t="s">
        <v>90</v>
      </c>
      <c r="AB52" s="37"/>
      <c r="AC52" s="37"/>
      <c r="AD52" s="37"/>
    </row>
    <row r="53" spans="1:30" ht="15" customHeight="1" x14ac:dyDescent="0.2">
      <c r="A53" s="37"/>
      <c r="B53" s="41">
        <v>50</v>
      </c>
      <c r="C53" s="57" t="s">
        <v>212</v>
      </c>
      <c r="D53" s="42" t="s">
        <v>213</v>
      </c>
      <c r="E53" s="8" t="s">
        <v>65</v>
      </c>
      <c r="F53" s="3" t="s">
        <v>214</v>
      </c>
      <c r="G53" s="8" t="s">
        <v>215</v>
      </c>
      <c r="H53" s="43">
        <f t="shared" si="0"/>
        <v>4</v>
      </c>
      <c r="I53" s="9" t="s">
        <v>90</v>
      </c>
      <c r="J53" s="3" t="s">
        <v>90</v>
      </c>
      <c r="K53" s="3"/>
      <c r="L53" s="3"/>
      <c r="M53" s="3" t="s">
        <v>90</v>
      </c>
      <c r="N53" s="3"/>
      <c r="O53" s="3"/>
      <c r="P53" s="3"/>
      <c r="Q53" s="3"/>
      <c r="R53" s="3"/>
      <c r="S53" s="3"/>
      <c r="T53" s="3"/>
      <c r="U53" s="3"/>
      <c r="V53" s="3"/>
      <c r="W53" s="3"/>
      <c r="X53" s="3" t="s">
        <v>90</v>
      </c>
      <c r="Y53" s="3"/>
      <c r="Z53" s="3"/>
      <c r="AA53" s="2"/>
      <c r="AB53" s="37"/>
      <c r="AC53" s="37"/>
      <c r="AD53" s="37"/>
    </row>
    <row r="54" spans="1:30" ht="15" customHeight="1" x14ac:dyDescent="0.2">
      <c r="A54" s="37"/>
      <c r="B54" s="41">
        <v>51</v>
      </c>
      <c r="C54" s="57"/>
      <c r="D54" s="42" t="s">
        <v>216</v>
      </c>
      <c r="E54" s="8" t="s">
        <v>66</v>
      </c>
      <c r="F54" s="3" t="s">
        <v>217</v>
      </c>
      <c r="G54" s="8" t="s">
        <v>218</v>
      </c>
      <c r="H54" s="43">
        <f t="shared" si="0"/>
        <v>3</v>
      </c>
      <c r="I54" s="9" t="s">
        <v>90</v>
      </c>
      <c r="J54" s="3"/>
      <c r="K54" s="3"/>
      <c r="L54" s="3"/>
      <c r="M54" s="3"/>
      <c r="N54" s="3"/>
      <c r="O54" s="3"/>
      <c r="P54" s="3"/>
      <c r="Q54" s="3"/>
      <c r="R54" s="3"/>
      <c r="S54" s="3"/>
      <c r="T54" s="3"/>
      <c r="U54" s="3" t="s">
        <v>90</v>
      </c>
      <c r="V54" s="3"/>
      <c r="W54" s="3"/>
      <c r="X54" s="3"/>
      <c r="Y54" s="3"/>
      <c r="Z54" s="3"/>
      <c r="AA54" s="2" t="s">
        <v>90</v>
      </c>
      <c r="AB54" s="37"/>
      <c r="AC54" s="37"/>
      <c r="AD54" s="37"/>
    </row>
    <row r="55" spans="1:30" s="44" customFormat="1" ht="15" customHeight="1" x14ac:dyDescent="0.2">
      <c r="A55" s="37"/>
      <c r="B55" s="41">
        <v>52</v>
      </c>
      <c r="C55" s="57"/>
      <c r="D55" s="42" t="s">
        <v>219</v>
      </c>
      <c r="E55" s="8" t="s">
        <v>67</v>
      </c>
      <c r="F55" s="3" t="s">
        <v>220</v>
      </c>
      <c r="G55" s="8" t="s">
        <v>221</v>
      </c>
      <c r="H55" s="43">
        <f t="shared" si="0"/>
        <v>1</v>
      </c>
      <c r="I55" s="9" t="s">
        <v>90</v>
      </c>
      <c r="J55" s="3"/>
      <c r="K55" s="3"/>
      <c r="L55" s="3"/>
      <c r="M55" s="3"/>
      <c r="N55" s="3"/>
      <c r="O55" s="3"/>
      <c r="P55" s="3"/>
      <c r="Q55" s="3"/>
      <c r="R55" s="3"/>
      <c r="S55" s="3"/>
      <c r="T55" s="3"/>
      <c r="U55" s="3"/>
      <c r="V55" s="3"/>
      <c r="W55" s="3"/>
      <c r="X55" s="3"/>
      <c r="Y55" s="3"/>
      <c r="Z55" s="3"/>
      <c r="AA55" s="2"/>
      <c r="AB55" s="37"/>
      <c r="AC55" s="37"/>
      <c r="AD55" s="37"/>
    </row>
    <row r="56" spans="1:30" ht="15" customHeight="1" x14ac:dyDescent="0.2">
      <c r="A56" s="37"/>
      <c r="B56" s="41">
        <v>53</v>
      </c>
      <c r="C56" s="57"/>
      <c r="D56" s="42" t="s">
        <v>222</v>
      </c>
      <c r="E56" s="8" t="s">
        <v>68</v>
      </c>
      <c r="F56" s="10" t="s">
        <v>223</v>
      </c>
      <c r="G56" s="11" t="s">
        <v>224</v>
      </c>
      <c r="H56" s="43">
        <f t="shared" si="0"/>
        <v>1</v>
      </c>
      <c r="I56" s="9"/>
      <c r="J56" s="3"/>
      <c r="K56" s="3"/>
      <c r="L56" s="3"/>
      <c r="M56" s="3"/>
      <c r="N56" s="3"/>
      <c r="O56" s="3"/>
      <c r="P56" s="3"/>
      <c r="Q56" s="3"/>
      <c r="R56" s="3"/>
      <c r="S56" s="3"/>
      <c r="T56" s="3"/>
      <c r="U56" s="3"/>
      <c r="V56" s="3"/>
      <c r="W56" s="3"/>
      <c r="X56" s="3"/>
      <c r="Y56" s="3"/>
      <c r="Z56" s="3"/>
      <c r="AA56" s="2" t="s">
        <v>90</v>
      </c>
      <c r="AB56" s="37"/>
      <c r="AC56" s="37"/>
      <c r="AD56" s="37"/>
    </row>
    <row r="57" spans="1:30" ht="15" customHeight="1" x14ac:dyDescent="0.2">
      <c r="A57" s="37"/>
      <c r="B57" s="41">
        <v>54</v>
      </c>
      <c r="C57" s="57"/>
      <c r="D57" s="42"/>
      <c r="E57" s="8" t="s">
        <v>69</v>
      </c>
      <c r="F57" s="10"/>
      <c r="G57" s="11"/>
      <c r="H57" s="43">
        <f t="shared" si="0"/>
        <v>1</v>
      </c>
      <c r="I57" s="9" t="s">
        <v>18</v>
      </c>
      <c r="J57" s="3"/>
      <c r="K57" s="3"/>
      <c r="L57" s="3"/>
      <c r="M57" s="3"/>
      <c r="N57" s="3"/>
      <c r="O57" s="3"/>
      <c r="P57" s="3"/>
      <c r="Q57" s="3"/>
      <c r="R57" s="3"/>
      <c r="S57" s="3"/>
      <c r="T57" s="3"/>
      <c r="U57" s="3"/>
      <c r="V57" s="3"/>
      <c r="W57" s="3"/>
      <c r="X57" s="3"/>
      <c r="Y57" s="3"/>
      <c r="Z57" s="3"/>
      <c r="AA57" s="2"/>
      <c r="AB57" s="37"/>
      <c r="AC57" s="37"/>
      <c r="AD57" s="37"/>
    </row>
    <row r="58" spans="1:30" ht="15" customHeight="1" x14ac:dyDescent="0.2">
      <c r="A58" s="37"/>
      <c r="B58" s="41">
        <v>55</v>
      </c>
      <c r="C58" s="57"/>
      <c r="D58" s="42"/>
      <c r="E58" s="8" t="s">
        <v>70</v>
      </c>
      <c r="F58" s="10"/>
      <c r="G58" s="11"/>
      <c r="H58" s="43">
        <f t="shared" si="0"/>
        <v>1</v>
      </c>
      <c r="I58" s="9"/>
      <c r="J58" s="3"/>
      <c r="K58" s="3"/>
      <c r="L58" s="3"/>
      <c r="M58" s="3"/>
      <c r="N58" s="3"/>
      <c r="O58" s="3"/>
      <c r="P58" s="3"/>
      <c r="Q58" s="3"/>
      <c r="R58" s="3"/>
      <c r="S58" s="3"/>
      <c r="T58" s="3"/>
      <c r="U58" s="3"/>
      <c r="V58" s="3"/>
      <c r="W58" s="3"/>
      <c r="X58" s="3"/>
      <c r="Y58" s="3"/>
      <c r="Z58" s="3"/>
      <c r="AA58" s="2" t="s">
        <v>90</v>
      </c>
      <c r="AB58" s="37"/>
      <c r="AC58" s="37"/>
      <c r="AD58" s="37"/>
    </row>
    <row r="59" spans="1:30" ht="15" customHeight="1" x14ac:dyDescent="0.2">
      <c r="A59" s="37"/>
      <c r="B59" s="41">
        <v>56</v>
      </c>
      <c r="C59" s="57" t="s">
        <v>225</v>
      </c>
      <c r="D59" s="42" t="s">
        <v>226</v>
      </c>
      <c r="E59" s="8" t="s">
        <v>71</v>
      </c>
      <c r="F59" s="3" t="s">
        <v>227</v>
      </c>
      <c r="G59" s="8" t="s">
        <v>228</v>
      </c>
      <c r="H59" s="43">
        <f t="shared" si="0"/>
        <v>1</v>
      </c>
      <c r="I59" s="9" t="s">
        <v>90</v>
      </c>
      <c r="J59" s="3"/>
      <c r="K59" s="3"/>
      <c r="L59" s="3"/>
      <c r="M59" s="3"/>
      <c r="N59" s="3"/>
      <c r="O59" s="3"/>
      <c r="P59" s="3"/>
      <c r="Q59" s="3"/>
      <c r="R59" s="3"/>
      <c r="S59" s="3"/>
      <c r="T59" s="3"/>
      <c r="U59" s="3"/>
      <c r="V59" s="3"/>
      <c r="W59" s="3"/>
      <c r="X59" s="3"/>
      <c r="Y59" s="3"/>
      <c r="Z59" s="3"/>
      <c r="AA59" s="2"/>
      <c r="AB59" s="37"/>
      <c r="AC59" s="37"/>
      <c r="AD59" s="37"/>
    </row>
    <row r="60" spans="1:30" ht="15" customHeight="1" x14ac:dyDescent="0.2">
      <c r="A60" s="37"/>
      <c r="B60" s="41">
        <v>57</v>
      </c>
      <c r="C60" s="57"/>
      <c r="D60" s="42" t="s">
        <v>229</v>
      </c>
      <c r="E60" s="8" t="s">
        <v>72</v>
      </c>
      <c r="F60" s="3" t="s">
        <v>230</v>
      </c>
      <c r="G60" s="8" t="s">
        <v>231</v>
      </c>
      <c r="H60" s="43">
        <f t="shared" si="0"/>
        <v>19</v>
      </c>
      <c r="I60" s="9" t="s">
        <v>90</v>
      </c>
      <c r="J60" s="3" t="s">
        <v>90</v>
      </c>
      <c r="K60" s="3" t="s">
        <v>90</v>
      </c>
      <c r="L60" s="3" t="s">
        <v>90</v>
      </c>
      <c r="M60" s="3" t="s">
        <v>90</v>
      </c>
      <c r="N60" s="3" t="s">
        <v>90</v>
      </c>
      <c r="O60" s="3" t="s">
        <v>90</v>
      </c>
      <c r="P60" s="3" t="s">
        <v>90</v>
      </c>
      <c r="Q60" s="3" t="s">
        <v>90</v>
      </c>
      <c r="R60" s="3" t="s">
        <v>90</v>
      </c>
      <c r="S60" s="3" t="s">
        <v>90</v>
      </c>
      <c r="T60" s="3" t="s">
        <v>90</v>
      </c>
      <c r="U60" s="3" t="s">
        <v>90</v>
      </c>
      <c r="V60" s="3" t="s">
        <v>90</v>
      </c>
      <c r="W60" s="3" t="s">
        <v>90</v>
      </c>
      <c r="X60" s="3" t="s">
        <v>90</v>
      </c>
      <c r="Y60" s="3" t="s">
        <v>90</v>
      </c>
      <c r="Z60" s="3" t="s">
        <v>90</v>
      </c>
      <c r="AA60" s="2" t="s">
        <v>90</v>
      </c>
      <c r="AB60" s="37"/>
      <c r="AC60" s="37"/>
      <c r="AD60" s="37"/>
    </row>
    <row r="61" spans="1:30" ht="15" customHeight="1" x14ac:dyDescent="0.2">
      <c r="A61" s="37"/>
      <c r="B61" s="41">
        <v>58</v>
      </c>
      <c r="C61" s="57"/>
      <c r="D61" s="42" t="s">
        <v>232</v>
      </c>
      <c r="E61" s="8" t="s">
        <v>73</v>
      </c>
      <c r="F61" s="3" t="s">
        <v>233</v>
      </c>
      <c r="G61" s="8" t="s">
        <v>234</v>
      </c>
      <c r="H61" s="43">
        <f t="shared" si="0"/>
        <v>3</v>
      </c>
      <c r="I61" s="9" t="s">
        <v>90</v>
      </c>
      <c r="J61" s="3"/>
      <c r="K61" s="3"/>
      <c r="L61" s="3"/>
      <c r="M61" s="3" t="s">
        <v>90</v>
      </c>
      <c r="N61" s="3"/>
      <c r="O61" s="3"/>
      <c r="P61" s="3"/>
      <c r="Q61" s="3"/>
      <c r="R61" s="3"/>
      <c r="S61" s="3"/>
      <c r="T61" s="3"/>
      <c r="U61" s="3"/>
      <c r="V61" s="3"/>
      <c r="W61" s="3"/>
      <c r="X61" s="3" t="s">
        <v>90</v>
      </c>
      <c r="Y61" s="3"/>
      <c r="Z61" s="3"/>
      <c r="AA61" s="2"/>
      <c r="AB61" s="37"/>
      <c r="AC61" s="37"/>
      <c r="AD61" s="37"/>
    </row>
    <row r="62" spans="1:30" ht="15" customHeight="1" x14ac:dyDescent="0.2">
      <c r="A62" s="37"/>
      <c r="B62" s="41">
        <v>59</v>
      </c>
      <c r="C62" s="57" t="s">
        <v>235</v>
      </c>
      <c r="D62" s="42" t="s">
        <v>236</v>
      </c>
      <c r="E62" s="8" t="s">
        <v>74</v>
      </c>
      <c r="F62" s="3" t="s">
        <v>237</v>
      </c>
      <c r="G62" s="8" t="s">
        <v>238</v>
      </c>
      <c r="H62" s="43">
        <f t="shared" si="0"/>
        <v>3</v>
      </c>
      <c r="I62" s="9" t="s">
        <v>90</v>
      </c>
      <c r="J62" s="3"/>
      <c r="K62" s="3"/>
      <c r="L62" s="3"/>
      <c r="M62" s="3"/>
      <c r="N62" s="20" t="s">
        <v>255</v>
      </c>
      <c r="O62" s="3"/>
      <c r="P62" s="3"/>
      <c r="Q62" s="3"/>
      <c r="R62" s="3"/>
      <c r="S62" s="3"/>
      <c r="T62" s="3"/>
      <c r="U62" s="3"/>
      <c r="V62" s="3"/>
      <c r="W62" s="3"/>
      <c r="X62" s="3"/>
      <c r="Y62" s="3"/>
      <c r="Z62" s="3"/>
      <c r="AA62" s="2" t="s">
        <v>90</v>
      </c>
      <c r="AB62" s="37"/>
      <c r="AC62" s="37"/>
      <c r="AD62" s="37"/>
    </row>
    <row r="63" spans="1:30" ht="15" customHeight="1" x14ac:dyDescent="0.2">
      <c r="A63" s="37"/>
      <c r="B63" s="41">
        <v>60</v>
      </c>
      <c r="C63" s="57"/>
      <c r="D63" s="42" t="s">
        <v>239</v>
      </c>
      <c r="E63" s="8" t="s">
        <v>75</v>
      </c>
      <c r="F63" s="3" t="s">
        <v>240</v>
      </c>
      <c r="G63" s="8" t="s">
        <v>241</v>
      </c>
      <c r="H63" s="43">
        <f t="shared" si="0"/>
        <v>1</v>
      </c>
      <c r="I63" s="9" t="s">
        <v>90</v>
      </c>
      <c r="J63" s="3"/>
      <c r="K63" s="3"/>
      <c r="L63" s="3"/>
      <c r="M63" s="3"/>
      <c r="N63" s="3"/>
      <c r="O63" s="3"/>
      <c r="P63" s="3"/>
      <c r="Q63" s="3"/>
      <c r="R63" s="3"/>
      <c r="S63" s="3"/>
      <c r="T63" s="3"/>
      <c r="U63" s="3"/>
      <c r="V63" s="3"/>
      <c r="W63" s="3"/>
      <c r="X63" s="3"/>
      <c r="Y63" s="3"/>
      <c r="Z63" s="3"/>
      <c r="AA63" s="2"/>
      <c r="AB63" s="37"/>
      <c r="AC63" s="37"/>
      <c r="AD63" s="37"/>
    </row>
    <row r="64" spans="1:30" ht="15" customHeight="1" x14ac:dyDescent="0.2">
      <c r="A64" s="37"/>
      <c r="B64" s="41">
        <v>61</v>
      </c>
      <c r="C64" s="57"/>
      <c r="D64" s="42" t="s">
        <v>242</v>
      </c>
      <c r="E64" s="8" t="s">
        <v>76</v>
      </c>
      <c r="F64" s="3" t="s">
        <v>243</v>
      </c>
      <c r="G64" s="8" t="s">
        <v>244</v>
      </c>
      <c r="H64" s="43">
        <f t="shared" si="0"/>
        <v>5</v>
      </c>
      <c r="I64" s="9" t="s">
        <v>90</v>
      </c>
      <c r="J64" s="3"/>
      <c r="K64" s="3"/>
      <c r="L64" s="3"/>
      <c r="M64" s="3" t="s">
        <v>90</v>
      </c>
      <c r="N64" s="3"/>
      <c r="O64" s="3"/>
      <c r="P64" s="3"/>
      <c r="Q64" s="3"/>
      <c r="R64" s="3"/>
      <c r="S64" s="3"/>
      <c r="T64" s="3"/>
      <c r="U64" s="3" t="s">
        <v>90</v>
      </c>
      <c r="V64" s="3"/>
      <c r="W64" s="3"/>
      <c r="X64" s="3" t="s">
        <v>90</v>
      </c>
      <c r="Y64" s="3"/>
      <c r="Z64" s="3"/>
      <c r="AA64" s="2" t="s">
        <v>18</v>
      </c>
      <c r="AB64" s="37"/>
      <c r="AC64" s="37"/>
      <c r="AD64" s="37"/>
    </row>
    <row r="65" spans="1:30" ht="15" customHeight="1" x14ac:dyDescent="0.2">
      <c r="A65" s="37"/>
      <c r="B65" s="41">
        <v>62</v>
      </c>
      <c r="C65" s="57"/>
      <c r="D65" s="42"/>
      <c r="E65" s="8" t="s">
        <v>77</v>
      </c>
      <c r="F65" s="3"/>
      <c r="G65" s="8"/>
      <c r="H65" s="43">
        <f t="shared" si="0"/>
        <v>1</v>
      </c>
      <c r="I65" s="9"/>
      <c r="J65" s="3"/>
      <c r="K65" s="3"/>
      <c r="L65" s="3"/>
      <c r="M65" s="3"/>
      <c r="N65" s="3"/>
      <c r="O65" s="3"/>
      <c r="P65" s="3"/>
      <c r="Q65" s="3"/>
      <c r="R65" s="3"/>
      <c r="S65" s="3"/>
      <c r="T65" s="3"/>
      <c r="U65" s="3"/>
      <c r="V65" s="3"/>
      <c r="W65" s="3"/>
      <c r="X65" s="3"/>
      <c r="Y65" s="3"/>
      <c r="Z65" s="3"/>
      <c r="AA65" s="2" t="s">
        <v>90</v>
      </c>
      <c r="AB65" s="37"/>
      <c r="AC65" s="37"/>
      <c r="AD65" s="37"/>
    </row>
    <row r="66" spans="1:30" ht="15" customHeight="1" x14ac:dyDescent="0.2">
      <c r="A66" s="37"/>
      <c r="B66" s="41">
        <v>63</v>
      </c>
      <c r="C66" s="57"/>
      <c r="D66" s="42"/>
      <c r="E66" s="8" t="s">
        <v>78</v>
      </c>
      <c r="F66" s="3"/>
      <c r="G66" s="8"/>
      <c r="H66" s="43">
        <f t="shared" si="0"/>
        <v>1</v>
      </c>
      <c r="I66" s="9"/>
      <c r="J66" s="3"/>
      <c r="K66" s="3"/>
      <c r="L66" s="3"/>
      <c r="M66" s="3"/>
      <c r="N66" s="3"/>
      <c r="O66" s="3"/>
      <c r="P66" s="3"/>
      <c r="Q66" s="3"/>
      <c r="R66" s="3"/>
      <c r="S66" s="3"/>
      <c r="T66" s="3"/>
      <c r="U66" s="3"/>
      <c r="V66" s="3"/>
      <c r="W66" s="3"/>
      <c r="X66" s="3"/>
      <c r="Y66" s="3"/>
      <c r="Z66" s="3"/>
      <c r="AA66" s="2" t="s">
        <v>90</v>
      </c>
      <c r="AB66" s="37"/>
      <c r="AC66" s="37"/>
      <c r="AD66" s="37"/>
    </row>
    <row r="67" spans="1:30" ht="15" customHeight="1" thickBot="1" x14ac:dyDescent="0.25">
      <c r="A67" s="37"/>
      <c r="B67" s="45">
        <v>64</v>
      </c>
      <c r="C67" s="46" t="s">
        <v>245</v>
      </c>
      <c r="D67" s="47" t="s">
        <v>246</v>
      </c>
      <c r="E67" s="16" t="s">
        <v>79</v>
      </c>
      <c r="F67" s="17" t="s">
        <v>247</v>
      </c>
      <c r="G67" s="16" t="s">
        <v>248</v>
      </c>
      <c r="H67" s="48">
        <f t="shared" si="0"/>
        <v>2</v>
      </c>
      <c r="I67" s="18" t="s">
        <v>90</v>
      </c>
      <c r="J67" s="17"/>
      <c r="K67" s="17"/>
      <c r="L67" s="17"/>
      <c r="M67" s="17"/>
      <c r="N67" s="17"/>
      <c r="O67" s="17"/>
      <c r="P67" s="17"/>
      <c r="Q67" s="17"/>
      <c r="R67" s="17"/>
      <c r="S67" s="17"/>
      <c r="T67" s="17"/>
      <c r="U67" s="17"/>
      <c r="V67" s="17"/>
      <c r="W67" s="17"/>
      <c r="X67" s="17"/>
      <c r="Y67" s="17"/>
      <c r="Z67" s="17"/>
      <c r="AA67" s="19" t="s">
        <v>90</v>
      </c>
      <c r="AB67" s="37"/>
      <c r="AC67" s="37"/>
      <c r="AD67" s="37"/>
    </row>
    <row r="68" spans="1:30" ht="14.5" thickBot="1" x14ac:dyDescent="0.25">
      <c r="B68" s="49"/>
      <c r="C68" s="50" t="s">
        <v>249</v>
      </c>
      <c r="D68" s="51">
        <f>COUNTA(D5:D67)</f>
        <v>52</v>
      </c>
      <c r="E68" s="51"/>
      <c r="F68" s="51"/>
      <c r="G68" s="51"/>
      <c r="H68" s="52"/>
      <c r="I68" s="53">
        <f>COUNTA(I4:I67)</f>
        <v>47</v>
      </c>
      <c r="J68" s="53">
        <f>COUNTA(J4:J67)</f>
        <v>14</v>
      </c>
      <c r="K68" s="53">
        <f t="shared" ref="K68:AA68" si="2">COUNTA(K4:K67)</f>
        <v>5</v>
      </c>
      <c r="L68" s="53">
        <f t="shared" si="2"/>
        <v>13</v>
      </c>
      <c r="M68" s="53">
        <f t="shared" si="2"/>
        <v>19</v>
      </c>
      <c r="N68" s="53">
        <f t="shared" si="2"/>
        <v>9</v>
      </c>
      <c r="O68" s="53">
        <f t="shared" si="2"/>
        <v>10</v>
      </c>
      <c r="P68" s="53">
        <f t="shared" si="2"/>
        <v>7</v>
      </c>
      <c r="Q68" s="53">
        <f t="shared" si="2"/>
        <v>4</v>
      </c>
      <c r="R68" s="53">
        <f t="shared" si="2"/>
        <v>6</v>
      </c>
      <c r="S68" s="53">
        <f t="shared" si="2"/>
        <v>5</v>
      </c>
      <c r="T68" s="53">
        <f t="shared" si="2"/>
        <v>8</v>
      </c>
      <c r="U68" s="53">
        <f>COUNTA(U4:U67)</f>
        <v>17</v>
      </c>
      <c r="V68" s="53">
        <f t="shared" si="2"/>
        <v>5</v>
      </c>
      <c r="W68" s="53">
        <f t="shared" si="2"/>
        <v>5</v>
      </c>
      <c r="X68" s="53">
        <f t="shared" si="2"/>
        <v>18</v>
      </c>
      <c r="Y68" s="53">
        <f t="shared" si="2"/>
        <v>8</v>
      </c>
      <c r="Z68" s="53">
        <f>COUNTA(Z4:Z67)</f>
        <v>5</v>
      </c>
      <c r="AA68" s="54">
        <f t="shared" si="2"/>
        <v>25</v>
      </c>
      <c r="AB68" s="37"/>
      <c r="AC68" s="37"/>
      <c r="AD68" s="37"/>
    </row>
    <row r="69" spans="1:30" ht="16.5" x14ac:dyDescent="0.2">
      <c r="V69" s="55"/>
      <c r="W69" s="55" t="s">
        <v>258</v>
      </c>
    </row>
  </sheetData>
  <autoFilter ref="B3:AA69"/>
  <mergeCells count="10">
    <mergeCell ref="C46:C52"/>
    <mergeCell ref="C53:C58"/>
    <mergeCell ref="C59:C61"/>
    <mergeCell ref="C62:C66"/>
    <mergeCell ref="C4:C9"/>
    <mergeCell ref="C10:C18"/>
    <mergeCell ref="C19:C26"/>
    <mergeCell ref="C27:C33"/>
    <mergeCell ref="C34:C41"/>
    <mergeCell ref="C42:C45"/>
  </mergeCells>
  <phoneticPr fontId="18"/>
  <pageMargins left="0.78740157480314965" right="0" top="0.59055118110236227" bottom="0.39370078740157483" header="0.31496062992125984" footer="0.31496062992125984"/>
  <pageSetup paperSize="8" scale="79" fitToWidth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一覧 (R5.4更新版)</vt:lpstr>
      <vt:lpstr>'一覧 (R5.4更新版)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菊池 方希</dc:creator>
  <cp:lastModifiedBy>user</cp:lastModifiedBy>
  <cp:lastPrinted>2023-04-03T23:41:03Z</cp:lastPrinted>
  <dcterms:created xsi:type="dcterms:W3CDTF">2021-08-03T06:16:24Z</dcterms:created>
  <dcterms:modified xsi:type="dcterms:W3CDTF">2023-04-03T23:46:03Z</dcterms:modified>
</cp:coreProperties>
</file>